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0203\Desktop\令和２年度版練習問題チェック改訂用\"/>
    </mc:Choice>
  </mc:AlternateContent>
  <bookViews>
    <workbookView xWindow="0" yWindow="0" windowWidth="20490" windowHeight="7530"/>
  </bookViews>
  <sheets>
    <sheet name="読み" sheetId="9" r:id="rId1"/>
    <sheet name="書き" sheetId="10" r:id="rId2"/>
    <sheet name="書き・読みセット" sheetId="11" r:id="rId3"/>
  </sheets>
  <calcPr calcId="125725"/>
</workbook>
</file>

<file path=xl/sharedStrings.xml><?xml version="1.0" encoding="utf-8"?>
<sst xmlns="http://schemas.openxmlformats.org/spreadsheetml/2006/main" count="800" uniqueCount="800">
  <si>
    <r>
      <rPr>
        <b/>
        <u/>
        <sz val="14"/>
        <color indexed="8"/>
        <rFont val="HGP教科書体"/>
        <family val="1"/>
        <charset val="128"/>
      </rPr>
      <t>担任</t>
    </r>
    <r>
      <rPr>
        <sz val="14"/>
        <color indexed="8"/>
        <rFont val="HGP教科書体"/>
        <family val="1"/>
        <charset val="128"/>
      </rPr>
      <t>の先生のお話。</t>
    </r>
    <rPh sb="0" eb="2">
      <t>タンニン</t>
    </rPh>
    <rPh sb="3" eb="5">
      <t>センセイ</t>
    </rPh>
    <rPh sb="7" eb="8">
      <t>ハナシ</t>
    </rPh>
    <phoneticPr fontId="2"/>
  </si>
  <si>
    <r>
      <rPr>
        <b/>
        <u/>
        <sz val="14"/>
        <color indexed="8"/>
        <rFont val="HGP教科書体"/>
        <family val="1"/>
        <charset val="128"/>
      </rPr>
      <t>幼</t>
    </r>
    <r>
      <rPr>
        <sz val="14"/>
        <color indexed="8"/>
        <rFont val="HGP教科書体"/>
        <family val="1"/>
        <charset val="128"/>
      </rPr>
      <t>い子どもの笑い声。</t>
    </r>
    <rPh sb="0" eb="1">
      <t>オサナ</t>
    </rPh>
    <rPh sb="2" eb="3">
      <t>コ</t>
    </rPh>
    <rPh sb="6" eb="7">
      <t>ワラ</t>
    </rPh>
    <rPh sb="8" eb="9">
      <t>ゴエ</t>
    </rPh>
    <phoneticPr fontId="2"/>
  </si>
  <si>
    <r>
      <t>婦人</t>
    </r>
    <r>
      <rPr>
        <b/>
        <u/>
        <sz val="14"/>
        <color indexed="8"/>
        <rFont val="HGP教科書体"/>
        <family val="1"/>
        <charset val="128"/>
      </rPr>
      <t>警官</t>
    </r>
    <r>
      <rPr>
        <sz val="14"/>
        <color indexed="8"/>
        <rFont val="HGP教科書体"/>
        <family val="1"/>
        <charset val="128"/>
      </rPr>
      <t>に道を聞く。</t>
    </r>
    <rPh sb="0" eb="2">
      <t>フジン</t>
    </rPh>
    <rPh sb="2" eb="4">
      <t>ケイカン</t>
    </rPh>
    <rPh sb="5" eb="6">
      <t>ミチ</t>
    </rPh>
    <rPh sb="7" eb="8">
      <t>キ</t>
    </rPh>
    <phoneticPr fontId="2"/>
  </si>
  <si>
    <r>
      <rPr>
        <b/>
        <u/>
        <sz val="14"/>
        <color indexed="8"/>
        <rFont val="HGP教科書体"/>
        <family val="1"/>
        <charset val="128"/>
      </rPr>
      <t>地層</t>
    </r>
    <r>
      <rPr>
        <sz val="14"/>
        <color indexed="8"/>
        <rFont val="HGP教科書体"/>
        <family val="1"/>
        <charset val="128"/>
      </rPr>
      <t>から化石をほり出す。</t>
    </r>
    <rPh sb="0" eb="2">
      <t>チソウ</t>
    </rPh>
    <rPh sb="4" eb="6">
      <t>カセキ</t>
    </rPh>
    <rPh sb="9" eb="10">
      <t>ダ</t>
    </rPh>
    <phoneticPr fontId="2"/>
  </si>
  <si>
    <r>
      <rPr>
        <b/>
        <u/>
        <sz val="14"/>
        <color indexed="8"/>
        <rFont val="HGP教科書体"/>
        <family val="1"/>
        <charset val="128"/>
      </rPr>
      <t>単純</t>
    </r>
    <r>
      <rPr>
        <sz val="14"/>
        <color indexed="8"/>
        <rFont val="HGP教科書体"/>
        <family val="1"/>
        <charset val="128"/>
      </rPr>
      <t>なつくりの機械。</t>
    </r>
    <rPh sb="0" eb="2">
      <t>タンジュン</t>
    </rPh>
    <rPh sb="7" eb="9">
      <t>キカイ</t>
    </rPh>
    <phoneticPr fontId="2"/>
  </si>
  <si>
    <r>
      <rPr>
        <b/>
        <u/>
        <sz val="14"/>
        <color indexed="8"/>
        <rFont val="HGP教科書体"/>
        <family val="1"/>
        <charset val="128"/>
      </rPr>
      <t>温泉</t>
    </r>
    <r>
      <rPr>
        <sz val="14"/>
        <color indexed="8"/>
        <rFont val="HGP教科書体"/>
        <family val="1"/>
        <charset val="128"/>
      </rPr>
      <t>に入る。</t>
    </r>
    <rPh sb="0" eb="2">
      <t>オンセン</t>
    </rPh>
    <rPh sb="3" eb="4">
      <t>ハイ</t>
    </rPh>
    <phoneticPr fontId="2"/>
  </si>
  <si>
    <r>
      <rPr>
        <b/>
        <u/>
        <sz val="14"/>
        <color indexed="8"/>
        <rFont val="HGP教科書体"/>
        <family val="1"/>
        <charset val="128"/>
      </rPr>
      <t>大衆</t>
    </r>
    <r>
      <rPr>
        <sz val="14"/>
        <color indexed="8"/>
        <rFont val="HGP教科書体"/>
        <family val="1"/>
        <charset val="128"/>
      </rPr>
      <t>から支持を得る。</t>
    </r>
    <rPh sb="0" eb="2">
      <t>タイシュウ</t>
    </rPh>
    <rPh sb="4" eb="6">
      <t>シジ</t>
    </rPh>
    <rPh sb="7" eb="8">
      <t>エ</t>
    </rPh>
    <phoneticPr fontId="2"/>
  </si>
  <si>
    <r>
      <t>キャベツを</t>
    </r>
    <r>
      <rPr>
        <b/>
        <u/>
        <sz val="14"/>
        <color indexed="8"/>
        <rFont val="HGP教科書体"/>
        <family val="1"/>
        <charset val="128"/>
      </rPr>
      <t>刻</t>
    </r>
    <r>
      <rPr>
        <sz val="14"/>
        <color indexed="8"/>
        <rFont val="HGP教科書体"/>
        <family val="1"/>
        <charset val="128"/>
      </rPr>
      <t>む。</t>
    </r>
    <rPh sb="5" eb="6">
      <t>キザ</t>
    </rPh>
    <phoneticPr fontId="2"/>
  </si>
  <si>
    <r>
      <rPr>
        <b/>
        <u/>
        <sz val="14"/>
        <color indexed="8"/>
        <rFont val="HGP教科書体"/>
        <family val="1"/>
        <charset val="128"/>
      </rPr>
      <t>空腹</t>
    </r>
    <r>
      <rPr>
        <sz val="14"/>
        <color indexed="8"/>
        <rFont val="HGP教科書体"/>
        <family val="1"/>
        <charset val="128"/>
      </rPr>
      <t>にたえられない。</t>
    </r>
    <rPh sb="0" eb="2">
      <t>クウフク</t>
    </rPh>
    <phoneticPr fontId="2"/>
  </si>
  <si>
    <r>
      <rPr>
        <b/>
        <u/>
        <sz val="14"/>
        <color indexed="8"/>
        <rFont val="HGP教科書体"/>
        <family val="1"/>
        <charset val="128"/>
      </rPr>
      <t>危険</t>
    </r>
    <r>
      <rPr>
        <sz val="14"/>
        <color indexed="8"/>
        <rFont val="HGP教科書体"/>
        <family val="1"/>
        <charset val="128"/>
      </rPr>
      <t>な場所には入るな。</t>
    </r>
    <rPh sb="0" eb="2">
      <t>キケン</t>
    </rPh>
    <rPh sb="3" eb="5">
      <t>バショ</t>
    </rPh>
    <rPh sb="7" eb="8">
      <t>ハイ</t>
    </rPh>
    <phoneticPr fontId="2"/>
  </si>
  <si>
    <r>
      <t>コーヒーに</t>
    </r>
    <r>
      <rPr>
        <b/>
        <u/>
        <sz val="14"/>
        <color indexed="8"/>
        <rFont val="HGP教科書体"/>
        <family val="1"/>
        <charset val="128"/>
      </rPr>
      <t>砂糖</t>
    </r>
    <r>
      <rPr>
        <sz val="14"/>
        <color indexed="8"/>
        <rFont val="HGP教科書体"/>
        <family val="1"/>
        <charset val="128"/>
      </rPr>
      <t>を入れる。</t>
    </r>
    <rPh sb="5" eb="7">
      <t>サトウ</t>
    </rPh>
    <rPh sb="8" eb="9">
      <t>イ</t>
    </rPh>
    <phoneticPr fontId="2"/>
  </si>
  <si>
    <r>
      <t>お金が足りなくて</t>
    </r>
    <r>
      <rPr>
        <b/>
        <u/>
        <sz val="14"/>
        <color indexed="8"/>
        <rFont val="HGP教科書体"/>
        <family val="1"/>
        <charset val="128"/>
      </rPr>
      <t>困</t>
    </r>
    <r>
      <rPr>
        <sz val="14"/>
        <color indexed="8"/>
        <rFont val="HGP教科書体"/>
        <family val="1"/>
        <charset val="128"/>
      </rPr>
      <t>った。</t>
    </r>
    <rPh sb="1" eb="2">
      <t>カネ</t>
    </rPh>
    <rPh sb="3" eb="4">
      <t>タ</t>
    </rPh>
    <rPh sb="8" eb="9">
      <t>コマ</t>
    </rPh>
    <phoneticPr fontId="2"/>
  </si>
  <si>
    <r>
      <rPr>
        <b/>
        <u/>
        <sz val="14"/>
        <color indexed="8"/>
        <rFont val="HGP教科書体"/>
        <family val="1"/>
        <charset val="128"/>
      </rPr>
      <t>自宅</t>
    </r>
    <r>
      <rPr>
        <sz val="14"/>
        <color indexed="8"/>
        <rFont val="HGP教科書体"/>
        <family val="1"/>
        <charset val="128"/>
      </rPr>
      <t>に荷物をとどける。</t>
    </r>
    <rPh sb="0" eb="2">
      <t>ジタク</t>
    </rPh>
    <rPh sb="3" eb="5">
      <t>ニモツ</t>
    </rPh>
    <phoneticPr fontId="2"/>
  </si>
  <si>
    <r>
      <rPr>
        <b/>
        <u/>
        <sz val="14"/>
        <color indexed="8"/>
        <rFont val="HGP教科書体"/>
        <family val="1"/>
        <charset val="128"/>
      </rPr>
      <t>宝物</t>
    </r>
    <r>
      <rPr>
        <sz val="14"/>
        <color indexed="8"/>
        <rFont val="HGP教科書体"/>
        <family val="1"/>
        <charset val="128"/>
      </rPr>
      <t>をさがす。</t>
    </r>
    <rPh sb="0" eb="2">
      <t>タカラモノ</t>
    </rPh>
    <phoneticPr fontId="2"/>
  </si>
  <si>
    <r>
      <t>野生のシカが</t>
    </r>
    <r>
      <rPr>
        <b/>
        <u/>
        <sz val="14"/>
        <color indexed="8"/>
        <rFont val="HGP教科書体"/>
        <family val="1"/>
        <charset val="128"/>
      </rPr>
      <t>姿</t>
    </r>
    <r>
      <rPr>
        <sz val="14"/>
        <color indexed="8"/>
        <rFont val="HGP教科書体"/>
        <family val="1"/>
        <charset val="128"/>
      </rPr>
      <t>を現す。</t>
    </r>
    <rPh sb="0" eb="2">
      <t>ヤセイ</t>
    </rPh>
    <rPh sb="6" eb="7">
      <t>スガタ</t>
    </rPh>
    <rPh sb="8" eb="9">
      <t>アラワ</t>
    </rPh>
    <phoneticPr fontId="2"/>
  </si>
  <si>
    <r>
      <t>地球</t>
    </r>
    <r>
      <rPr>
        <b/>
        <u/>
        <sz val="14"/>
        <color indexed="8"/>
        <rFont val="HGP教科書体"/>
        <family val="1"/>
        <charset val="128"/>
      </rPr>
      <t>温暖</t>
    </r>
    <r>
      <rPr>
        <sz val="14"/>
        <color indexed="8"/>
        <rFont val="HGP教科書体"/>
        <family val="1"/>
        <charset val="128"/>
      </rPr>
      <t>化。</t>
    </r>
    <rPh sb="0" eb="2">
      <t>チキュウ</t>
    </rPh>
    <rPh sb="2" eb="5">
      <t>オンダンカ</t>
    </rPh>
    <phoneticPr fontId="2"/>
  </si>
  <si>
    <r>
      <t>仏様への</t>
    </r>
    <r>
      <rPr>
        <b/>
        <u/>
        <sz val="14"/>
        <color indexed="8"/>
        <rFont val="HGP教科書体"/>
        <family val="1"/>
        <charset val="128"/>
      </rPr>
      <t>供</t>
    </r>
    <r>
      <rPr>
        <sz val="14"/>
        <color indexed="8"/>
        <rFont val="HGP教科書体"/>
        <family val="1"/>
        <charset val="128"/>
      </rPr>
      <t>え物。</t>
    </r>
    <rPh sb="0" eb="2">
      <t>ホトケサマ</t>
    </rPh>
    <rPh sb="4" eb="5">
      <t>ソナ</t>
    </rPh>
    <rPh sb="6" eb="7">
      <t>モノ</t>
    </rPh>
    <phoneticPr fontId="2"/>
  </si>
  <si>
    <r>
      <rPr>
        <b/>
        <u/>
        <sz val="14"/>
        <color indexed="8"/>
        <rFont val="HGP教科書体"/>
        <family val="1"/>
        <charset val="128"/>
      </rPr>
      <t>班</t>
    </r>
    <r>
      <rPr>
        <sz val="14"/>
        <color indexed="8"/>
        <rFont val="HGP教科書体"/>
        <family val="1"/>
        <charset val="128"/>
      </rPr>
      <t>に分かれる。</t>
    </r>
    <rPh sb="0" eb="1">
      <t>ハン</t>
    </rPh>
    <rPh sb="2" eb="3">
      <t>ワ</t>
    </rPh>
    <phoneticPr fontId="2"/>
  </si>
  <si>
    <r>
      <t>辞典で</t>
    </r>
    <r>
      <rPr>
        <b/>
        <u/>
        <sz val="14"/>
        <color indexed="8"/>
        <rFont val="HGP教科書体"/>
        <family val="1"/>
        <charset val="128"/>
      </rPr>
      <t>探</t>
    </r>
    <r>
      <rPr>
        <sz val="14"/>
        <color indexed="8"/>
        <rFont val="HGP教科書体"/>
        <family val="1"/>
        <charset val="128"/>
      </rPr>
      <t>す。</t>
    </r>
    <rPh sb="0" eb="2">
      <t>ジテン</t>
    </rPh>
    <rPh sb="3" eb="4">
      <t>サガ</t>
    </rPh>
    <phoneticPr fontId="2"/>
  </si>
  <si>
    <r>
      <rPr>
        <b/>
        <u/>
        <sz val="14"/>
        <color indexed="8"/>
        <rFont val="HGP教科書体"/>
        <family val="1"/>
        <charset val="128"/>
      </rPr>
      <t>将来</t>
    </r>
    <r>
      <rPr>
        <sz val="14"/>
        <color indexed="8"/>
        <rFont val="HGP教科書体"/>
        <family val="1"/>
        <charset val="128"/>
      </rPr>
      <t>の夢を語る。</t>
    </r>
    <rPh sb="3" eb="4">
      <t>ゆめ</t>
    </rPh>
    <rPh sb="5" eb="6">
      <t>かた</t>
    </rPh>
    <phoneticPr fontId="3" type="Hiragana"/>
  </si>
  <si>
    <r>
      <t>水面に月が</t>
    </r>
    <r>
      <rPr>
        <b/>
        <u/>
        <sz val="14"/>
        <color indexed="8"/>
        <rFont val="HGP教科書体"/>
        <family val="1"/>
        <charset val="128"/>
      </rPr>
      <t>映</t>
    </r>
    <r>
      <rPr>
        <sz val="14"/>
        <color indexed="8"/>
        <rFont val="HGP教科書体"/>
        <family val="1"/>
        <charset val="128"/>
      </rPr>
      <t>る。</t>
    </r>
    <rPh sb="0" eb="2">
      <t>スイメン</t>
    </rPh>
    <rPh sb="3" eb="4">
      <t>ツキ</t>
    </rPh>
    <rPh sb="5" eb="6">
      <t>ウツ</t>
    </rPh>
    <phoneticPr fontId="2"/>
  </si>
  <si>
    <r>
      <rPr>
        <b/>
        <u/>
        <sz val="14"/>
        <color indexed="8"/>
        <rFont val="HGP教科書体"/>
        <family val="1"/>
        <charset val="128"/>
      </rPr>
      <t>聖書</t>
    </r>
    <r>
      <rPr>
        <sz val="14"/>
        <color indexed="8"/>
        <rFont val="HGP教科書体"/>
        <family val="1"/>
        <charset val="128"/>
      </rPr>
      <t>を読む。</t>
    </r>
    <rPh sb="0" eb="2">
      <t>セイショ</t>
    </rPh>
    <rPh sb="3" eb="4">
      <t>ヨ</t>
    </rPh>
    <phoneticPr fontId="2"/>
  </si>
  <si>
    <r>
      <t>イギリスの</t>
    </r>
    <r>
      <rPr>
        <b/>
        <u/>
        <sz val="14"/>
        <color indexed="8"/>
        <rFont val="HGP教科書体"/>
        <family val="1"/>
        <charset val="128"/>
      </rPr>
      <t>貴族</t>
    </r>
    <r>
      <rPr>
        <sz val="14"/>
        <color indexed="8"/>
        <rFont val="HGP教科書体"/>
        <family val="1"/>
        <charset val="128"/>
      </rPr>
      <t>。</t>
    </r>
    <rPh sb="5" eb="7">
      <t>キゾク</t>
    </rPh>
    <phoneticPr fontId="2"/>
  </si>
  <si>
    <r>
      <rPr>
        <b/>
        <u/>
        <sz val="14"/>
        <color indexed="8"/>
        <rFont val="HGP教科書体"/>
        <family val="1"/>
        <charset val="128"/>
      </rPr>
      <t>親孝行</t>
    </r>
    <r>
      <rPr>
        <sz val="14"/>
        <color indexed="8"/>
        <rFont val="HGP教科書体"/>
        <family val="1"/>
        <charset val="128"/>
      </rPr>
      <t>な息子。</t>
    </r>
    <rPh sb="0" eb="3">
      <t>オヤコウコウ</t>
    </rPh>
    <rPh sb="4" eb="6">
      <t>ムスコ</t>
    </rPh>
    <phoneticPr fontId="2"/>
  </si>
  <si>
    <r>
      <t>童話を</t>
    </r>
    <r>
      <rPr>
        <b/>
        <u/>
        <sz val="14"/>
        <color indexed="8"/>
        <rFont val="HGP教科書体"/>
        <family val="1"/>
        <charset val="128"/>
      </rPr>
      <t>創作</t>
    </r>
    <r>
      <rPr>
        <sz val="14"/>
        <color indexed="8"/>
        <rFont val="HGP教科書体"/>
        <family val="1"/>
        <charset val="128"/>
      </rPr>
      <t>する。</t>
    </r>
    <rPh sb="0" eb="2">
      <t>ドウワ</t>
    </rPh>
    <rPh sb="3" eb="5">
      <t>ソウサク</t>
    </rPh>
    <phoneticPr fontId="2"/>
  </si>
  <si>
    <r>
      <t>命令に</t>
    </r>
    <r>
      <rPr>
        <b/>
        <u/>
        <sz val="14"/>
        <color indexed="8"/>
        <rFont val="HGP教科書体"/>
        <family val="1"/>
        <charset val="128"/>
      </rPr>
      <t>従</t>
    </r>
    <r>
      <rPr>
        <sz val="14"/>
        <color indexed="8"/>
        <rFont val="HGP教科書体"/>
        <family val="1"/>
        <charset val="128"/>
      </rPr>
      <t>う。</t>
    </r>
    <rPh sb="0" eb="2">
      <t>メイレイ</t>
    </rPh>
    <rPh sb="3" eb="4">
      <t>シタガ</t>
    </rPh>
    <phoneticPr fontId="2"/>
  </si>
  <si>
    <r>
      <rPr>
        <b/>
        <u/>
        <sz val="14"/>
        <color indexed="8"/>
        <rFont val="HGP教科書体"/>
        <family val="1"/>
        <charset val="128"/>
      </rPr>
      <t>歌詞</t>
    </r>
    <r>
      <rPr>
        <sz val="14"/>
        <color indexed="8"/>
        <rFont val="HGP教科書体"/>
        <family val="1"/>
        <charset val="128"/>
      </rPr>
      <t>を見ながら歌う。</t>
    </r>
    <rPh sb="0" eb="2">
      <t>カシ</t>
    </rPh>
    <rPh sb="3" eb="4">
      <t>ミ</t>
    </rPh>
    <rPh sb="7" eb="8">
      <t>ウタ</t>
    </rPh>
    <phoneticPr fontId="2"/>
  </si>
  <si>
    <r>
      <t>この問題は</t>
    </r>
    <r>
      <rPr>
        <b/>
        <u/>
        <sz val="14"/>
        <color indexed="8"/>
        <rFont val="HGP教科書体"/>
        <family val="1"/>
        <charset val="128"/>
      </rPr>
      <t>簡単</t>
    </r>
    <r>
      <rPr>
        <sz val="14"/>
        <color indexed="8"/>
        <rFont val="HGP教科書体"/>
        <family val="1"/>
        <charset val="128"/>
      </rPr>
      <t>だ。</t>
    </r>
    <rPh sb="2" eb="4">
      <t>モンダイ</t>
    </rPh>
    <rPh sb="5" eb="7">
      <t>カンタン</t>
    </rPh>
    <phoneticPr fontId="2"/>
  </si>
  <si>
    <r>
      <rPr>
        <b/>
        <u/>
        <sz val="14"/>
        <color indexed="8"/>
        <rFont val="HGP教科書体"/>
        <family val="1"/>
        <charset val="128"/>
      </rPr>
      <t>蚕</t>
    </r>
    <r>
      <rPr>
        <sz val="14"/>
        <color indexed="8"/>
        <rFont val="HGP教科書体"/>
        <family val="1"/>
        <charset val="128"/>
      </rPr>
      <t>のまゆ。</t>
    </r>
    <rPh sb="0" eb="1">
      <t>カイコ</t>
    </rPh>
    <phoneticPr fontId="2"/>
  </si>
  <si>
    <r>
      <t>名前を</t>
    </r>
    <r>
      <rPr>
        <b/>
        <u/>
        <sz val="14"/>
        <color indexed="8"/>
        <rFont val="HGP教科書体"/>
        <family val="1"/>
        <charset val="128"/>
      </rPr>
      <t>呼</t>
    </r>
    <r>
      <rPr>
        <sz val="14"/>
        <color indexed="8"/>
        <rFont val="HGP教科書体"/>
        <family val="1"/>
        <charset val="128"/>
      </rPr>
      <t>ぶ。</t>
    </r>
    <rPh sb="0" eb="2">
      <t>ナマエ</t>
    </rPh>
    <rPh sb="3" eb="4">
      <t>ヨ</t>
    </rPh>
    <phoneticPr fontId="2"/>
  </si>
  <si>
    <r>
      <t>コップが</t>
    </r>
    <r>
      <rPr>
        <b/>
        <u/>
        <sz val="14"/>
        <color indexed="8"/>
        <rFont val="HGP教科書体"/>
        <family val="1"/>
        <charset val="128"/>
      </rPr>
      <t>割</t>
    </r>
    <r>
      <rPr>
        <sz val="14"/>
        <color indexed="8"/>
        <rFont val="HGP教科書体"/>
        <family val="1"/>
        <charset val="128"/>
      </rPr>
      <t>れる。</t>
    </r>
    <rPh sb="4" eb="5">
      <t>ワ</t>
    </rPh>
    <phoneticPr fontId="2"/>
  </si>
  <si>
    <r>
      <t>事故で人が</t>
    </r>
    <r>
      <rPr>
        <b/>
        <u/>
        <sz val="14"/>
        <color indexed="8"/>
        <rFont val="HGP教科書体"/>
        <family val="1"/>
        <charset val="128"/>
      </rPr>
      <t>死亡</t>
    </r>
    <r>
      <rPr>
        <sz val="14"/>
        <color indexed="8"/>
        <rFont val="HGP教科書体"/>
        <family val="1"/>
        <charset val="128"/>
      </rPr>
      <t>する。</t>
    </r>
    <rPh sb="0" eb="2">
      <t>ジコ</t>
    </rPh>
    <rPh sb="3" eb="4">
      <t>ヒト</t>
    </rPh>
    <rPh sb="5" eb="7">
      <t>シボウ</t>
    </rPh>
    <phoneticPr fontId="2"/>
  </si>
  <si>
    <r>
      <rPr>
        <b/>
        <u/>
        <sz val="14"/>
        <color indexed="8"/>
        <rFont val="HGP教科書体"/>
        <family val="1"/>
        <charset val="128"/>
      </rPr>
      <t>誤解</t>
    </r>
    <r>
      <rPr>
        <sz val="14"/>
        <color indexed="8"/>
        <rFont val="HGP教科書体"/>
        <family val="1"/>
        <charset val="128"/>
      </rPr>
      <t>される行動をとる。</t>
    </r>
    <rPh sb="0" eb="2">
      <t>ゴカイ</t>
    </rPh>
    <rPh sb="5" eb="7">
      <t>コウドウ</t>
    </rPh>
    <phoneticPr fontId="2"/>
  </si>
  <si>
    <r>
      <t>光が</t>
    </r>
    <r>
      <rPr>
        <b/>
        <u/>
        <sz val="14"/>
        <color indexed="8"/>
        <rFont val="HGP教科書体"/>
        <family val="1"/>
        <charset val="128"/>
      </rPr>
      <t>反射</t>
    </r>
    <r>
      <rPr>
        <sz val="14"/>
        <color indexed="8"/>
        <rFont val="HGP教科書体"/>
        <family val="1"/>
        <charset val="128"/>
      </rPr>
      <t>する。</t>
    </r>
    <rPh sb="0" eb="1">
      <t>ヒカリ</t>
    </rPh>
    <rPh sb="2" eb="4">
      <t>ハンシャ</t>
    </rPh>
    <phoneticPr fontId="2"/>
  </si>
  <si>
    <r>
      <t>せんたくでシャツが</t>
    </r>
    <r>
      <rPr>
        <b/>
        <u/>
        <sz val="14"/>
        <color indexed="8"/>
        <rFont val="HGP教科書体"/>
        <family val="1"/>
        <charset val="128"/>
      </rPr>
      <t>縮</t>
    </r>
    <r>
      <rPr>
        <sz val="14"/>
        <color indexed="8"/>
        <rFont val="HGP教科書体"/>
        <family val="1"/>
        <charset val="128"/>
      </rPr>
      <t>む。</t>
    </r>
    <rPh sb="9" eb="10">
      <t>チヂ</t>
    </rPh>
    <phoneticPr fontId="2"/>
  </si>
  <si>
    <r>
      <rPr>
        <b/>
        <u/>
        <sz val="14"/>
        <color indexed="8"/>
        <rFont val="HGP教科書体"/>
        <family val="1"/>
        <charset val="128"/>
      </rPr>
      <t>秘密</t>
    </r>
    <r>
      <rPr>
        <sz val="14"/>
        <color indexed="8"/>
        <rFont val="HGP教科書体"/>
        <family val="1"/>
        <charset val="128"/>
      </rPr>
      <t>をもらす。</t>
    </r>
    <rPh sb="0" eb="2">
      <t>ヒミツ</t>
    </rPh>
    <phoneticPr fontId="2"/>
  </si>
  <si>
    <r>
      <t>自転車で日本を</t>
    </r>
    <r>
      <rPr>
        <b/>
        <u/>
        <sz val="14"/>
        <color indexed="8"/>
        <rFont val="HGP教科書体"/>
        <family val="1"/>
        <charset val="128"/>
      </rPr>
      <t>縦断</t>
    </r>
    <r>
      <rPr>
        <sz val="14"/>
        <color indexed="8"/>
        <rFont val="HGP教科書体"/>
        <family val="1"/>
        <charset val="128"/>
      </rPr>
      <t>する。</t>
    </r>
    <rPh sb="0" eb="3">
      <t>ジテンシャ</t>
    </rPh>
    <rPh sb="4" eb="6">
      <t>ニホン</t>
    </rPh>
    <rPh sb="7" eb="9">
      <t>ジュウダン</t>
    </rPh>
    <phoneticPr fontId="2"/>
  </si>
  <si>
    <r>
      <rPr>
        <b/>
        <u/>
        <sz val="14"/>
        <color indexed="8"/>
        <rFont val="HGP教科書体"/>
        <family val="1"/>
        <charset val="128"/>
      </rPr>
      <t>裏庭</t>
    </r>
    <r>
      <rPr>
        <sz val="14"/>
        <color indexed="8"/>
        <rFont val="HGP教科書体"/>
        <family val="1"/>
        <charset val="128"/>
      </rPr>
      <t>で遊ぶ。</t>
    </r>
    <rPh sb="0" eb="2">
      <t>ウラニワ</t>
    </rPh>
    <rPh sb="3" eb="4">
      <t>アソ</t>
    </rPh>
    <phoneticPr fontId="1"/>
  </si>
  <si>
    <r>
      <t>時を</t>
    </r>
    <r>
      <rPr>
        <b/>
        <u/>
        <sz val="14"/>
        <color indexed="8"/>
        <rFont val="HGP教科書体"/>
        <family val="1"/>
        <charset val="128"/>
      </rPr>
      <t>忘</t>
    </r>
    <r>
      <rPr>
        <sz val="14"/>
        <color indexed="8"/>
        <rFont val="HGP教科書体"/>
        <family val="1"/>
        <charset val="128"/>
      </rPr>
      <t>れて楽しむ。</t>
    </r>
    <rPh sb="0" eb="1">
      <t>トキ</t>
    </rPh>
    <rPh sb="2" eb="3">
      <t>ワス</t>
    </rPh>
    <rPh sb="5" eb="6">
      <t>タノ</t>
    </rPh>
    <phoneticPr fontId="1"/>
  </si>
  <si>
    <r>
      <rPr>
        <b/>
        <u/>
        <sz val="14"/>
        <color indexed="8"/>
        <rFont val="HGP教科書体"/>
        <family val="1"/>
        <charset val="128"/>
      </rPr>
      <t>灰色</t>
    </r>
    <r>
      <rPr>
        <sz val="14"/>
        <color indexed="8"/>
        <rFont val="HGP教科書体"/>
        <family val="1"/>
        <charset val="128"/>
      </rPr>
      <t>の空。</t>
    </r>
    <rPh sb="0" eb="2">
      <t>ハイイロ</t>
    </rPh>
    <rPh sb="3" eb="4">
      <t>ソラ</t>
    </rPh>
    <phoneticPr fontId="1"/>
  </si>
  <si>
    <r>
      <t>日が</t>
    </r>
    <r>
      <rPr>
        <b/>
        <u/>
        <sz val="14"/>
        <color indexed="8"/>
        <rFont val="HGP教科書体"/>
        <family val="1"/>
        <charset val="128"/>
      </rPr>
      <t>暮</t>
    </r>
    <r>
      <rPr>
        <sz val="14"/>
        <color indexed="8"/>
        <rFont val="HGP教科書体"/>
        <family val="1"/>
        <charset val="128"/>
      </rPr>
      <t>れる。</t>
    </r>
    <rPh sb="0" eb="1">
      <t>ヒ</t>
    </rPh>
    <rPh sb="2" eb="3">
      <t>ク</t>
    </rPh>
    <phoneticPr fontId="1"/>
  </si>
  <si>
    <r>
      <t>生ゴミを</t>
    </r>
    <r>
      <rPr>
        <b/>
        <u/>
        <sz val="14"/>
        <color indexed="8"/>
        <rFont val="HGP教科書体"/>
        <family val="1"/>
        <charset val="128"/>
      </rPr>
      <t>処理</t>
    </r>
    <r>
      <rPr>
        <sz val="14"/>
        <color indexed="8"/>
        <rFont val="HGP教科書体"/>
        <family val="1"/>
        <charset val="128"/>
      </rPr>
      <t>する。</t>
    </r>
    <rPh sb="0" eb="1">
      <t>ナマ</t>
    </rPh>
    <rPh sb="4" eb="6">
      <t>ショリ</t>
    </rPh>
    <phoneticPr fontId="1"/>
  </si>
  <si>
    <r>
      <rPr>
        <b/>
        <u/>
        <sz val="14"/>
        <color indexed="8"/>
        <rFont val="HGP教科書体"/>
        <family val="1"/>
        <charset val="128"/>
      </rPr>
      <t>政党</t>
    </r>
    <r>
      <rPr>
        <sz val="14"/>
        <color indexed="8"/>
        <rFont val="HGP教科書体"/>
        <family val="1"/>
        <charset val="128"/>
      </rPr>
      <t>の支持率が下がる。</t>
    </r>
    <rPh sb="0" eb="2">
      <t>セイトウ</t>
    </rPh>
    <rPh sb="3" eb="6">
      <t>シジリツ</t>
    </rPh>
    <rPh sb="7" eb="8">
      <t>サ</t>
    </rPh>
    <phoneticPr fontId="1"/>
  </si>
  <si>
    <r>
      <t>社員に</t>
    </r>
    <r>
      <rPr>
        <b/>
        <u/>
        <sz val="14"/>
        <color indexed="8"/>
        <rFont val="HGP教科書体"/>
        <family val="1"/>
        <charset val="128"/>
      </rPr>
      <t>賃金</t>
    </r>
    <r>
      <rPr>
        <sz val="14"/>
        <color indexed="8"/>
        <rFont val="HGP教科書体"/>
        <family val="1"/>
        <charset val="128"/>
      </rPr>
      <t>を支はらう。</t>
    </r>
    <rPh sb="0" eb="2">
      <t>シャイン</t>
    </rPh>
    <rPh sb="3" eb="5">
      <t>チンギン</t>
    </rPh>
    <rPh sb="6" eb="7">
      <t>シ</t>
    </rPh>
    <phoneticPr fontId="1"/>
  </si>
  <si>
    <r>
      <t>方位</t>
    </r>
    <r>
      <rPr>
        <b/>
        <u/>
        <sz val="14"/>
        <color indexed="8"/>
        <rFont val="HGP教科書体"/>
        <family val="1"/>
        <charset val="128"/>
      </rPr>
      <t>磁石</t>
    </r>
    <r>
      <rPr>
        <sz val="14"/>
        <color indexed="8"/>
        <rFont val="HGP教科書体"/>
        <family val="1"/>
        <charset val="128"/>
      </rPr>
      <t>が北を指す。</t>
    </r>
    <rPh sb="0" eb="2">
      <t>ホウイ</t>
    </rPh>
    <rPh sb="2" eb="4">
      <t>ジシャク</t>
    </rPh>
    <rPh sb="5" eb="6">
      <t>キタ</t>
    </rPh>
    <rPh sb="7" eb="8">
      <t>サ</t>
    </rPh>
    <phoneticPr fontId="1"/>
  </si>
  <si>
    <r>
      <t>水を</t>
    </r>
    <r>
      <rPr>
        <b/>
        <u/>
        <sz val="14"/>
        <color indexed="8"/>
        <rFont val="HGP教科書体"/>
        <family val="1"/>
        <charset val="128"/>
      </rPr>
      <t>吸収</t>
    </r>
    <r>
      <rPr>
        <sz val="14"/>
        <color indexed="8"/>
        <rFont val="HGP教科書体"/>
        <family val="1"/>
        <charset val="128"/>
      </rPr>
      <t>する布。</t>
    </r>
    <rPh sb="0" eb="1">
      <t>ミズ</t>
    </rPh>
    <rPh sb="2" eb="4">
      <t>キュウシュウ</t>
    </rPh>
    <rPh sb="6" eb="7">
      <t>ヌノ</t>
    </rPh>
    <phoneticPr fontId="1"/>
  </si>
  <si>
    <r>
      <t>アトラクションに</t>
    </r>
    <r>
      <rPr>
        <b/>
        <u/>
        <sz val="14"/>
        <color indexed="8"/>
        <rFont val="HGP教科書体"/>
        <family val="1"/>
        <charset val="128"/>
      </rPr>
      <t>並</t>
    </r>
    <r>
      <rPr>
        <sz val="14"/>
        <color indexed="8"/>
        <rFont val="HGP教科書体"/>
        <family val="1"/>
        <charset val="128"/>
      </rPr>
      <t>ぶ。</t>
    </r>
    <rPh sb="8" eb="9">
      <t>ナラ</t>
    </rPh>
    <phoneticPr fontId="1"/>
  </si>
  <si>
    <r>
      <t>変わった</t>
    </r>
    <r>
      <rPr>
        <b/>
        <u/>
        <sz val="14"/>
        <color indexed="8"/>
        <rFont val="HGP教科書体"/>
        <family val="1"/>
        <charset val="128"/>
      </rPr>
      <t>服装</t>
    </r>
    <r>
      <rPr>
        <sz val="14"/>
        <color indexed="8"/>
        <rFont val="HGP教科書体"/>
        <family val="1"/>
        <charset val="128"/>
      </rPr>
      <t>をしている男。</t>
    </r>
    <rPh sb="0" eb="1">
      <t>カ</t>
    </rPh>
    <rPh sb="4" eb="6">
      <t>フクソウ</t>
    </rPh>
    <rPh sb="11" eb="12">
      <t>オトコ</t>
    </rPh>
    <phoneticPr fontId="1"/>
  </si>
  <si>
    <r>
      <t>初日の出を</t>
    </r>
    <r>
      <rPr>
        <b/>
        <u/>
        <sz val="14"/>
        <color indexed="8"/>
        <rFont val="HGP教科書体"/>
        <family val="1"/>
        <charset val="128"/>
      </rPr>
      <t>拝</t>
    </r>
    <r>
      <rPr>
        <sz val="14"/>
        <color indexed="8"/>
        <rFont val="HGP教科書体"/>
        <family val="1"/>
        <charset val="128"/>
      </rPr>
      <t>む。</t>
    </r>
    <rPh sb="0" eb="2">
      <t>ハツヒ</t>
    </rPh>
    <rPh sb="3" eb="4">
      <t>デ</t>
    </rPh>
    <rPh sb="5" eb="6">
      <t>オガ</t>
    </rPh>
    <phoneticPr fontId="1"/>
  </si>
  <si>
    <r>
      <t>両親を</t>
    </r>
    <r>
      <rPr>
        <b/>
        <u/>
        <sz val="14"/>
        <color indexed="8"/>
        <rFont val="HGP教科書体"/>
        <family val="1"/>
        <charset val="128"/>
      </rPr>
      <t>敬</t>
    </r>
    <r>
      <rPr>
        <sz val="14"/>
        <color indexed="8"/>
        <rFont val="HGP教科書体"/>
        <family val="1"/>
        <charset val="128"/>
      </rPr>
      <t>う。</t>
    </r>
    <rPh sb="0" eb="2">
      <t>リョウシン</t>
    </rPh>
    <rPh sb="3" eb="4">
      <t>ウヤマ</t>
    </rPh>
    <phoneticPr fontId="1"/>
  </si>
  <si>
    <r>
      <t>意見が</t>
    </r>
    <r>
      <rPr>
        <b/>
        <u/>
        <sz val="14"/>
        <color indexed="8"/>
        <rFont val="HGP教科書体"/>
        <family val="1"/>
        <charset val="128"/>
      </rPr>
      <t>異</t>
    </r>
    <r>
      <rPr>
        <sz val="14"/>
        <color indexed="8"/>
        <rFont val="HGP教科書体"/>
        <family val="1"/>
        <charset val="128"/>
      </rPr>
      <t>なる。</t>
    </r>
    <rPh sb="0" eb="2">
      <t>イケン</t>
    </rPh>
    <rPh sb="3" eb="4">
      <t>コト</t>
    </rPh>
    <phoneticPr fontId="1"/>
  </si>
  <si>
    <r>
      <t>遠くに住む祖父を</t>
    </r>
    <r>
      <rPr>
        <b/>
        <u/>
        <sz val="14"/>
        <color indexed="8"/>
        <rFont val="HGP教科書体"/>
        <family val="1"/>
        <charset val="128"/>
      </rPr>
      <t>訪</t>
    </r>
    <r>
      <rPr>
        <sz val="14"/>
        <color indexed="8"/>
        <rFont val="HGP教科書体"/>
        <family val="1"/>
        <charset val="128"/>
      </rPr>
      <t>ねる。</t>
    </r>
    <rPh sb="0" eb="1">
      <t>トオ</t>
    </rPh>
    <rPh sb="3" eb="4">
      <t>ス</t>
    </rPh>
    <rPh sb="5" eb="7">
      <t>ソフ</t>
    </rPh>
    <rPh sb="8" eb="9">
      <t>タズ</t>
    </rPh>
    <phoneticPr fontId="1"/>
  </si>
  <si>
    <r>
      <rPr>
        <b/>
        <u/>
        <sz val="14"/>
        <color indexed="8"/>
        <rFont val="HGP教科書体"/>
        <family val="1"/>
        <charset val="128"/>
      </rPr>
      <t>度胸</t>
    </r>
    <r>
      <rPr>
        <sz val="14"/>
        <color indexed="8"/>
        <rFont val="HGP教科書体"/>
        <family val="1"/>
        <charset val="128"/>
      </rPr>
      <t>のすわった人。</t>
    </r>
    <rPh sb="0" eb="2">
      <t>ドキョウ</t>
    </rPh>
    <rPh sb="7" eb="8">
      <t>ヒト</t>
    </rPh>
    <phoneticPr fontId="1"/>
  </si>
  <si>
    <r>
      <t>ねじを</t>
    </r>
    <r>
      <rPr>
        <b/>
        <u/>
        <sz val="14"/>
        <color indexed="8"/>
        <rFont val="HGP教科書体"/>
        <family val="1"/>
        <charset val="128"/>
      </rPr>
      <t>巻</t>
    </r>
    <r>
      <rPr>
        <sz val="14"/>
        <color indexed="8"/>
        <rFont val="HGP教科書体"/>
        <family val="1"/>
        <charset val="128"/>
      </rPr>
      <t>く。</t>
    </r>
    <rPh sb="3" eb="4">
      <t>マ</t>
    </rPh>
    <phoneticPr fontId="1"/>
  </si>
  <si>
    <r>
      <t>皿を</t>
    </r>
    <r>
      <rPr>
        <b/>
        <u/>
        <sz val="14"/>
        <color indexed="8"/>
        <rFont val="HGP教科書体"/>
        <family val="1"/>
        <charset val="128"/>
      </rPr>
      <t>洗</t>
    </r>
    <r>
      <rPr>
        <sz val="14"/>
        <color indexed="8"/>
        <rFont val="HGP教科書体"/>
        <family val="1"/>
        <charset val="128"/>
      </rPr>
      <t>う。</t>
    </r>
    <rPh sb="0" eb="1">
      <t>サラ</t>
    </rPh>
    <rPh sb="2" eb="3">
      <t>アラ</t>
    </rPh>
    <phoneticPr fontId="1"/>
  </si>
  <si>
    <r>
      <t>生まれ</t>
    </r>
    <r>
      <rPr>
        <b/>
        <u/>
        <sz val="14"/>
        <color indexed="8"/>
        <rFont val="HGP教科書体"/>
        <family val="1"/>
        <charset val="128"/>
      </rPr>
      <t>故郷</t>
    </r>
    <r>
      <rPr>
        <sz val="14"/>
        <color indexed="8"/>
        <rFont val="HGP教科書体"/>
        <family val="1"/>
        <charset val="128"/>
      </rPr>
      <t>を思い出す。</t>
    </r>
    <rPh sb="0" eb="1">
      <t>ウ</t>
    </rPh>
    <rPh sb="3" eb="5">
      <t>コキョウ</t>
    </rPh>
    <rPh sb="6" eb="7">
      <t>オモ</t>
    </rPh>
    <rPh sb="8" eb="9">
      <t>ダ</t>
    </rPh>
    <phoneticPr fontId="1"/>
  </si>
  <si>
    <r>
      <t>合否判定の</t>
    </r>
    <r>
      <rPr>
        <b/>
        <u/>
        <sz val="14"/>
        <color indexed="8"/>
        <rFont val="HGP教科書体"/>
        <family val="1"/>
        <charset val="128"/>
      </rPr>
      <t>尺度</t>
    </r>
    <r>
      <rPr>
        <sz val="14"/>
        <color indexed="8"/>
        <rFont val="HGP教科書体"/>
        <family val="1"/>
        <charset val="128"/>
      </rPr>
      <t>を決める。</t>
    </r>
    <rPh sb="0" eb="2">
      <t>ゴウヒ</t>
    </rPh>
    <rPh sb="2" eb="4">
      <t>ハンテイ</t>
    </rPh>
    <rPh sb="5" eb="7">
      <t>シャクド</t>
    </rPh>
    <rPh sb="8" eb="9">
      <t>キ</t>
    </rPh>
    <phoneticPr fontId="1"/>
  </si>
  <si>
    <r>
      <t>スイカを</t>
    </r>
    <r>
      <rPr>
        <b/>
        <u/>
        <sz val="14"/>
        <color indexed="8"/>
        <rFont val="HGP教科書体"/>
        <family val="1"/>
        <charset val="128"/>
      </rPr>
      <t>冷蔵庫</t>
    </r>
    <r>
      <rPr>
        <sz val="14"/>
        <color indexed="8"/>
        <rFont val="HGP教科書体"/>
        <family val="1"/>
        <charset val="128"/>
      </rPr>
      <t>に入れる。</t>
    </r>
    <rPh sb="4" eb="7">
      <t>レイゾウコ</t>
    </rPh>
    <rPh sb="8" eb="9">
      <t>イ</t>
    </rPh>
    <phoneticPr fontId="1"/>
  </si>
  <si>
    <r>
      <t>周りから</t>
    </r>
    <r>
      <rPr>
        <b/>
        <u/>
        <sz val="14"/>
        <color indexed="8"/>
        <rFont val="HGP教科書体"/>
        <family val="1"/>
        <charset val="128"/>
      </rPr>
      <t>批判</t>
    </r>
    <r>
      <rPr>
        <sz val="14"/>
        <color indexed="8"/>
        <rFont val="HGP教科書体"/>
        <family val="1"/>
        <charset val="128"/>
      </rPr>
      <t>を浴びる。</t>
    </r>
    <rPh sb="0" eb="1">
      <t>マワ</t>
    </rPh>
    <rPh sb="4" eb="6">
      <t>ヒハン</t>
    </rPh>
    <rPh sb="7" eb="8">
      <t>ア</t>
    </rPh>
    <phoneticPr fontId="1"/>
  </si>
  <si>
    <r>
      <t>友人に</t>
    </r>
    <r>
      <rPr>
        <b/>
        <u/>
        <sz val="14"/>
        <color indexed="8"/>
        <rFont val="HGP教科書体"/>
        <family val="1"/>
        <charset val="128"/>
      </rPr>
      <t>忠告</t>
    </r>
    <r>
      <rPr>
        <sz val="14"/>
        <color indexed="8"/>
        <rFont val="HGP教科書体"/>
        <family val="1"/>
        <charset val="128"/>
      </rPr>
      <t>する。</t>
    </r>
    <rPh sb="0" eb="2">
      <t>ユウジン</t>
    </rPh>
    <rPh sb="3" eb="5">
      <t>チュウコク</t>
    </rPh>
    <phoneticPr fontId="1"/>
  </si>
  <si>
    <r>
      <rPr>
        <b/>
        <u/>
        <sz val="14"/>
        <color indexed="8"/>
        <rFont val="HGP教科書体"/>
        <family val="1"/>
        <charset val="128"/>
      </rPr>
      <t>若者</t>
    </r>
    <r>
      <rPr>
        <sz val="14"/>
        <color indexed="8"/>
        <rFont val="HGP教科書体"/>
        <family val="1"/>
        <charset val="128"/>
      </rPr>
      <t>の集まり。</t>
    </r>
    <rPh sb="0" eb="2">
      <t>ワカモノ</t>
    </rPh>
    <rPh sb="3" eb="4">
      <t>アツ</t>
    </rPh>
    <phoneticPr fontId="1"/>
  </si>
  <si>
    <r>
      <rPr>
        <b/>
        <u/>
        <sz val="14"/>
        <color indexed="8"/>
        <rFont val="HGP教科書体"/>
        <family val="1"/>
        <charset val="128"/>
      </rPr>
      <t>机</t>
    </r>
    <r>
      <rPr>
        <sz val="14"/>
        <color indexed="8"/>
        <rFont val="HGP教科書体"/>
        <family val="1"/>
        <charset val="128"/>
      </rPr>
      <t>を運ぶ。</t>
    </r>
    <rPh sb="0" eb="1">
      <t>ツクエ</t>
    </rPh>
    <rPh sb="2" eb="3">
      <t>ハコ</t>
    </rPh>
    <phoneticPr fontId="1"/>
  </si>
  <si>
    <r>
      <rPr>
        <b/>
        <u/>
        <sz val="14"/>
        <color indexed="8"/>
        <rFont val="HGP教科書体"/>
        <family val="1"/>
        <charset val="128"/>
      </rPr>
      <t>視力</t>
    </r>
    <r>
      <rPr>
        <sz val="14"/>
        <color indexed="8"/>
        <rFont val="HGP教科書体"/>
        <family val="1"/>
        <charset val="128"/>
      </rPr>
      <t>検査を行う。</t>
    </r>
    <rPh sb="0" eb="2">
      <t>シリョク</t>
    </rPh>
    <rPh sb="2" eb="4">
      <t>ケンサ</t>
    </rPh>
    <rPh sb="5" eb="6">
      <t>オコナ</t>
    </rPh>
    <phoneticPr fontId="1"/>
  </si>
  <si>
    <r>
      <t>板に</t>
    </r>
    <r>
      <rPr>
        <b/>
        <u/>
        <sz val="14"/>
        <color indexed="8"/>
        <rFont val="HGP教科書体"/>
        <family val="1"/>
        <charset val="128"/>
      </rPr>
      <t>穴</t>
    </r>
    <r>
      <rPr>
        <sz val="14"/>
        <color indexed="8"/>
        <rFont val="HGP教科書体"/>
        <family val="1"/>
        <charset val="128"/>
      </rPr>
      <t>を開ける。</t>
    </r>
    <rPh sb="0" eb="1">
      <t>イタ</t>
    </rPh>
    <rPh sb="2" eb="3">
      <t>アナ</t>
    </rPh>
    <rPh sb="4" eb="5">
      <t>ア</t>
    </rPh>
    <phoneticPr fontId="1"/>
  </si>
  <si>
    <r>
      <t>寄らば</t>
    </r>
    <r>
      <rPr>
        <b/>
        <u/>
        <sz val="14"/>
        <color indexed="8"/>
        <rFont val="HGP教科書体"/>
        <family val="1"/>
        <charset val="128"/>
      </rPr>
      <t>大樹</t>
    </r>
    <r>
      <rPr>
        <sz val="14"/>
        <color indexed="8"/>
        <rFont val="HGP教科書体"/>
        <family val="1"/>
        <charset val="128"/>
      </rPr>
      <t>のかげ。</t>
    </r>
    <rPh sb="0" eb="1">
      <t>ヨ</t>
    </rPh>
    <rPh sb="3" eb="5">
      <t>タイジュ</t>
    </rPh>
    <phoneticPr fontId="1"/>
  </si>
  <si>
    <r>
      <rPr>
        <b/>
        <u/>
        <sz val="14"/>
        <color indexed="8"/>
        <rFont val="HGP教科書体"/>
        <family val="1"/>
        <charset val="128"/>
      </rPr>
      <t>階段</t>
    </r>
    <r>
      <rPr>
        <sz val="14"/>
        <color indexed="8"/>
        <rFont val="HGP教科書体"/>
        <family val="1"/>
        <charset val="128"/>
      </rPr>
      <t>をふみ外す。</t>
    </r>
    <rPh sb="0" eb="2">
      <t>カイダン</t>
    </rPh>
    <rPh sb="5" eb="6">
      <t>ハズ</t>
    </rPh>
    <phoneticPr fontId="1"/>
  </si>
  <si>
    <r>
      <rPr>
        <b/>
        <u/>
        <sz val="14"/>
        <color indexed="8"/>
        <rFont val="HGP教科書体"/>
        <family val="1"/>
        <charset val="128"/>
      </rPr>
      <t>通勤</t>
    </r>
    <r>
      <rPr>
        <sz val="14"/>
        <color indexed="8"/>
        <rFont val="HGP教科書体"/>
        <family val="1"/>
        <charset val="128"/>
      </rPr>
      <t>時間が長い。</t>
    </r>
    <rPh sb="0" eb="2">
      <t>ツウキン</t>
    </rPh>
    <rPh sb="2" eb="4">
      <t>ジカン</t>
    </rPh>
    <rPh sb="5" eb="6">
      <t>ナガ</t>
    </rPh>
    <phoneticPr fontId="1"/>
  </si>
  <si>
    <r>
      <rPr>
        <b/>
        <u/>
        <sz val="14"/>
        <color indexed="8"/>
        <rFont val="HGP教科書体"/>
        <family val="1"/>
        <charset val="128"/>
      </rPr>
      <t>穀物</t>
    </r>
    <r>
      <rPr>
        <sz val="14"/>
        <color indexed="8"/>
        <rFont val="HGP教科書体"/>
        <family val="1"/>
        <charset val="128"/>
      </rPr>
      <t>を輸入する。</t>
    </r>
    <rPh sb="0" eb="2">
      <t>コクモツ</t>
    </rPh>
    <rPh sb="3" eb="5">
      <t>ユニュウ</t>
    </rPh>
    <phoneticPr fontId="1"/>
  </si>
  <si>
    <r>
      <t>大事件に</t>
    </r>
    <r>
      <rPr>
        <b/>
        <u/>
        <sz val="14"/>
        <color indexed="8"/>
        <rFont val="HGP教科書体"/>
        <family val="1"/>
        <charset val="128"/>
      </rPr>
      <t>発展</t>
    </r>
    <r>
      <rPr>
        <sz val="14"/>
        <color indexed="8"/>
        <rFont val="HGP教科書体"/>
        <family val="1"/>
        <charset val="128"/>
      </rPr>
      <t>する。</t>
    </r>
    <rPh sb="0" eb="3">
      <t>ダイジケン</t>
    </rPh>
    <rPh sb="4" eb="6">
      <t>ハッテン</t>
    </rPh>
    <phoneticPr fontId="1"/>
  </si>
  <si>
    <r>
      <t>コンサートは</t>
    </r>
    <r>
      <rPr>
        <b/>
        <u/>
        <sz val="14"/>
        <color indexed="8"/>
        <rFont val="HGP教科書体"/>
        <family val="1"/>
        <charset val="128"/>
      </rPr>
      <t>盛</t>
    </r>
    <r>
      <rPr>
        <sz val="14"/>
        <color indexed="8"/>
        <rFont val="HGP教科書体"/>
        <family val="1"/>
        <charset val="128"/>
      </rPr>
      <t>り上がった。</t>
    </r>
    <rPh sb="6" eb="7">
      <t>モ</t>
    </rPh>
    <rPh sb="8" eb="9">
      <t>ア</t>
    </rPh>
    <phoneticPr fontId="1"/>
  </si>
  <si>
    <r>
      <t>歯が</t>
    </r>
    <r>
      <rPr>
        <b/>
        <u/>
        <sz val="14"/>
        <color indexed="8"/>
        <rFont val="HGP教科書体"/>
        <family val="1"/>
        <charset val="128"/>
      </rPr>
      <t>痛</t>
    </r>
    <r>
      <rPr>
        <sz val="14"/>
        <color indexed="8"/>
        <rFont val="HGP教科書体"/>
        <family val="1"/>
        <charset val="128"/>
      </rPr>
      <t>い。</t>
    </r>
    <rPh sb="0" eb="1">
      <t>ハ</t>
    </rPh>
    <rPh sb="2" eb="3">
      <t>イタ</t>
    </rPh>
    <phoneticPr fontId="1"/>
  </si>
  <si>
    <r>
      <t>青い目は父親からの</t>
    </r>
    <r>
      <rPr>
        <b/>
        <u/>
        <sz val="14"/>
        <color indexed="8"/>
        <rFont val="HGP教科書体"/>
        <family val="1"/>
        <charset val="128"/>
      </rPr>
      <t>遺伝</t>
    </r>
    <r>
      <rPr>
        <sz val="14"/>
        <color indexed="8"/>
        <rFont val="HGP教科書体"/>
        <family val="1"/>
        <charset val="128"/>
      </rPr>
      <t>だ。</t>
    </r>
    <rPh sb="0" eb="1">
      <t>アオ</t>
    </rPh>
    <rPh sb="2" eb="3">
      <t>メ</t>
    </rPh>
    <rPh sb="4" eb="6">
      <t>チチオヤ</t>
    </rPh>
    <rPh sb="9" eb="11">
      <t>イデン</t>
    </rPh>
    <phoneticPr fontId="1"/>
  </si>
  <si>
    <r>
      <t>栄養を</t>
    </r>
    <r>
      <rPr>
        <b/>
        <u/>
        <sz val="14"/>
        <color indexed="8"/>
        <rFont val="HGP教科書体"/>
        <family val="1"/>
        <charset val="128"/>
      </rPr>
      <t>補</t>
    </r>
    <r>
      <rPr>
        <sz val="14"/>
        <color indexed="8"/>
        <rFont val="HGP教科書体"/>
        <family val="1"/>
        <charset val="128"/>
      </rPr>
      <t>う。</t>
    </r>
    <rPh sb="0" eb="2">
      <t>エイヨウ</t>
    </rPh>
    <rPh sb="3" eb="4">
      <t>オギナ</t>
    </rPh>
    <phoneticPr fontId="1"/>
  </si>
  <si>
    <r>
      <t>そう大な</t>
    </r>
    <r>
      <rPr>
        <b/>
        <u/>
        <sz val="14"/>
        <color indexed="8"/>
        <rFont val="HGP教科書体"/>
        <family val="1"/>
        <charset val="128"/>
      </rPr>
      <t>規模</t>
    </r>
    <r>
      <rPr>
        <sz val="14"/>
        <color indexed="8"/>
        <rFont val="HGP教科書体"/>
        <family val="1"/>
        <charset val="128"/>
      </rPr>
      <t>の計画。</t>
    </r>
    <rPh sb="2" eb="3">
      <t>ダイ</t>
    </rPh>
    <rPh sb="4" eb="6">
      <t>キボ</t>
    </rPh>
    <rPh sb="7" eb="9">
      <t>ケイカク</t>
    </rPh>
    <phoneticPr fontId="1"/>
  </si>
  <si>
    <r>
      <t>大安売りの</t>
    </r>
    <r>
      <rPr>
        <b/>
        <u/>
        <sz val="14"/>
        <color indexed="8"/>
        <rFont val="HGP教科書体"/>
        <family val="1"/>
        <charset val="128"/>
      </rPr>
      <t>宣伝</t>
    </r>
    <r>
      <rPr>
        <sz val="14"/>
        <color indexed="8"/>
        <rFont val="HGP教科書体"/>
        <family val="1"/>
        <charset val="128"/>
      </rPr>
      <t>をする。</t>
    </r>
    <rPh sb="0" eb="3">
      <t>オオヤスウ</t>
    </rPh>
    <rPh sb="5" eb="7">
      <t>センデン</t>
    </rPh>
    <phoneticPr fontId="1"/>
  </si>
  <si>
    <r>
      <t>医は</t>
    </r>
    <r>
      <rPr>
        <b/>
        <u/>
        <sz val="14"/>
        <color indexed="8"/>
        <rFont val="HGP教科書体"/>
        <family val="1"/>
        <charset val="128"/>
      </rPr>
      <t>仁術</t>
    </r>
    <r>
      <rPr>
        <sz val="14"/>
        <color indexed="8"/>
        <rFont val="HGP教科書体"/>
        <family val="1"/>
        <charset val="128"/>
      </rPr>
      <t>なり。</t>
    </r>
    <rPh sb="0" eb="1">
      <t>イ</t>
    </rPh>
    <rPh sb="2" eb="4">
      <t>ジンジュツ</t>
    </rPh>
    <phoneticPr fontId="1"/>
  </si>
  <si>
    <r>
      <t>写真を</t>
    </r>
    <r>
      <rPr>
        <b/>
        <u/>
        <sz val="14"/>
        <color indexed="8"/>
        <rFont val="HGP教科書体"/>
        <family val="1"/>
        <charset val="128"/>
      </rPr>
      <t>拡大</t>
    </r>
    <r>
      <rPr>
        <sz val="14"/>
        <color indexed="8"/>
        <rFont val="HGP教科書体"/>
        <family val="1"/>
        <charset val="128"/>
      </rPr>
      <t>する。</t>
    </r>
    <rPh sb="0" eb="2">
      <t>シャシン</t>
    </rPh>
    <rPh sb="3" eb="5">
      <t>カクダイ</t>
    </rPh>
    <phoneticPr fontId="1"/>
  </si>
  <si>
    <r>
      <rPr>
        <b/>
        <u/>
        <sz val="14"/>
        <color indexed="8"/>
        <rFont val="HGP教科書体"/>
        <family val="1"/>
        <charset val="128"/>
      </rPr>
      <t>権利</t>
    </r>
    <r>
      <rPr>
        <sz val="14"/>
        <color indexed="8"/>
        <rFont val="HGP教科書体"/>
        <family val="1"/>
        <charset val="128"/>
      </rPr>
      <t>を主張する。</t>
    </r>
    <rPh sb="0" eb="2">
      <t>ケンリ</t>
    </rPh>
    <rPh sb="3" eb="5">
      <t>シュチョウ</t>
    </rPh>
    <phoneticPr fontId="1"/>
  </si>
  <si>
    <r>
      <t>目的地に</t>
    </r>
    <r>
      <rPr>
        <b/>
        <u/>
        <sz val="14"/>
        <color indexed="8"/>
        <rFont val="HGP教科書体"/>
        <family val="1"/>
        <charset val="128"/>
      </rPr>
      <t>至</t>
    </r>
    <r>
      <rPr>
        <sz val="14"/>
        <color indexed="8"/>
        <rFont val="HGP教科書体"/>
        <family val="1"/>
        <charset val="128"/>
      </rPr>
      <t>る。</t>
    </r>
    <rPh sb="0" eb="3">
      <t>モクテキチ</t>
    </rPh>
    <rPh sb="4" eb="5">
      <t>イタ</t>
    </rPh>
    <phoneticPr fontId="1"/>
  </si>
  <si>
    <r>
      <t>読む</t>
    </r>
    <r>
      <rPr>
        <b/>
        <u/>
        <sz val="14"/>
        <color indexed="8"/>
        <rFont val="HGP教科書体"/>
        <family val="1"/>
        <charset val="128"/>
      </rPr>
      <t>価値</t>
    </r>
    <r>
      <rPr>
        <sz val="14"/>
        <color indexed="8"/>
        <rFont val="HGP教科書体"/>
        <family val="1"/>
        <charset val="128"/>
      </rPr>
      <t>のある本。</t>
    </r>
    <rPh sb="0" eb="1">
      <t>ヨ</t>
    </rPh>
    <rPh sb="2" eb="4">
      <t>カチ</t>
    </rPh>
    <rPh sb="7" eb="8">
      <t>ホン</t>
    </rPh>
    <phoneticPr fontId="1"/>
  </si>
  <si>
    <r>
      <rPr>
        <b/>
        <u/>
        <sz val="14"/>
        <color indexed="8"/>
        <rFont val="HGP教科書体"/>
        <family val="1"/>
        <charset val="128"/>
      </rPr>
      <t>俳句</t>
    </r>
    <r>
      <rPr>
        <sz val="14"/>
        <color indexed="8"/>
        <rFont val="HGP教科書体"/>
        <family val="1"/>
        <charset val="128"/>
      </rPr>
      <t>をよむ。</t>
    </r>
    <rPh sb="0" eb="2">
      <t>ハイク</t>
    </rPh>
    <phoneticPr fontId="1"/>
  </si>
  <si>
    <r>
      <t>罪を</t>
    </r>
    <r>
      <rPr>
        <b/>
        <u/>
        <sz val="14"/>
        <color indexed="8"/>
        <rFont val="HGP教科書体"/>
        <family val="1"/>
        <charset val="128"/>
      </rPr>
      <t>裁</t>
    </r>
    <r>
      <rPr>
        <sz val="14"/>
        <color indexed="8"/>
        <rFont val="HGP教科書体"/>
        <family val="1"/>
        <charset val="128"/>
      </rPr>
      <t>く。</t>
    </r>
    <rPh sb="0" eb="1">
      <t>ツミ</t>
    </rPh>
    <rPh sb="2" eb="3">
      <t>サバ</t>
    </rPh>
    <phoneticPr fontId="1"/>
  </si>
  <si>
    <r>
      <rPr>
        <b/>
        <u/>
        <sz val="14"/>
        <color indexed="8"/>
        <rFont val="HGP教科書体"/>
        <family val="1"/>
        <charset val="128"/>
      </rPr>
      <t>我</t>
    </r>
    <r>
      <rPr>
        <sz val="14"/>
        <color indexed="8"/>
        <rFont val="HGP教科書体"/>
        <family val="1"/>
        <charset val="128"/>
      </rPr>
      <t>に返る。</t>
    </r>
    <rPh sb="0" eb="1">
      <t>ワレ</t>
    </rPh>
    <rPh sb="2" eb="3">
      <t>カエ</t>
    </rPh>
    <phoneticPr fontId="1"/>
  </si>
  <si>
    <r>
      <t>会社に</t>
    </r>
    <r>
      <rPr>
        <b/>
        <u/>
        <sz val="14"/>
        <color indexed="8"/>
        <rFont val="HGP教科書体"/>
        <family val="1"/>
        <charset val="128"/>
      </rPr>
      <t>勤</t>
    </r>
    <r>
      <rPr>
        <sz val="14"/>
        <color indexed="8"/>
        <rFont val="HGP教科書体"/>
        <family val="1"/>
        <charset val="128"/>
      </rPr>
      <t>める。</t>
    </r>
    <rPh sb="0" eb="2">
      <t>カイシャ</t>
    </rPh>
    <rPh sb="3" eb="4">
      <t>ツト</t>
    </rPh>
    <phoneticPr fontId="1"/>
  </si>
  <si>
    <r>
      <t>平和への</t>
    </r>
    <r>
      <rPr>
        <b/>
        <u/>
        <sz val="14"/>
        <color indexed="8"/>
        <rFont val="HGP教科書体"/>
        <family val="1"/>
        <charset val="128"/>
      </rPr>
      <t>署名</t>
    </r>
    <r>
      <rPr>
        <sz val="14"/>
        <color indexed="8"/>
        <rFont val="HGP教科書体"/>
        <family val="1"/>
        <charset val="128"/>
      </rPr>
      <t>運動をする。</t>
    </r>
    <rPh sb="0" eb="2">
      <t>ヘイワ</t>
    </rPh>
    <rPh sb="4" eb="6">
      <t>ショメイ</t>
    </rPh>
    <rPh sb="6" eb="8">
      <t>ウンドウ</t>
    </rPh>
    <phoneticPr fontId="1"/>
  </si>
  <si>
    <r>
      <t>児童会の活動</t>
    </r>
    <r>
      <rPr>
        <b/>
        <u/>
        <sz val="14"/>
        <color indexed="8"/>
        <rFont val="HGP教科書体"/>
        <family val="1"/>
        <charset val="128"/>
      </rPr>
      <t>方針</t>
    </r>
    <r>
      <rPr>
        <sz val="14"/>
        <color indexed="8"/>
        <rFont val="HGP教科書体"/>
        <family val="1"/>
        <charset val="128"/>
      </rPr>
      <t>を決める。</t>
    </r>
    <rPh sb="0" eb="3">
      <t>ジドウカイ</t>
    </rPh>
    <rPh sb="4" eb="6">
      <t>カツドウ</t>
    </rPh>
    <rPh sb="6" eb="8">
      <t>ホウシン</t>
    </rPh>
    <rPh sb="9" eb="10">
      <t>キ</t>
    </rPh>
    <phoneticPr fontId="1"/>
  </si>
  <si>
    <r>
      <t>人手不足の</t>
    </r>
    <r>
      <rPr>
        <b/>
        <u/>
        <sz val="14"/>
        <color indexed="8"/>
        <rFont val="HGP教科書体"/>
        <family val="1"/>
        <charset val="128"/>
      </rPr>
      <t>対策</t>
    </r>
    <r>
      <rPr>
        <sz val="14"/>
        <color indexed="8"/>
        <rFont val="HGP教科書体"/>
        <family val="1"/>
        <charset val="128"/>
      </rPr>
      <t>をたてる。</t>
    </r>
    <rPh sb="0" eb="2">
      <t>ヒトデ</t>
    </rPh>
    <rPh sb="2" eb="4">
      <t>ブソク</t>
    </rPh>
    <rPh sb="5" eb="7">
      <t>タイサク</t>
    </rPh>
    <phoneticPr fontId="1"/>
  </si>
  <si>
    <r>
      <t>地球は</t>
    </r>
    <r>
      <rPr>
        <b/>
        <u/>
        <sz val="14"/>
        <color indexed="8"/>
        <rFont val="HGP教科書体"/>
        <family val="1"/>
        <charset val="128"/>
      </rPr>
      <t>太陽系</t>
    </r>
    <r>
      <rPr>
        <sz val="14"/>
        <color indexed="8"/>
        <rFont val="HGP教科書体"/>
        <family val="1"/>
        <charset val="128"/>
      </rPr>
      <t>の星だ。</t>
    </r>
    <rPh sb="0" eb="2">
      <t>チキュウ</t>
    </rPh>
    <rPh sb="3" eb="6">
      <t>タイヨウケイ</t>
    </rPh>
    <rPh sb="7" eb="8">
      <t>ホシ</t>
    </rPh>
    <phoneticPr fontId="1"/>
  </si>
  <si>
    <r>
      <rPr>
        <b/>
        <u/>
        <sz val="14"/>
        <color indexed="8"/>
        <rFont val="HGP教科書体"/>
        <family val="1"/>
        <charset val="128"/>
      </rPr>
      <t>肺活量</t>
    </r>
    <r>
      <rPr>
        <sz val="14"/>
        <color indexed="8"/>
        <rFont val="HGP教科書体"/>
        <family val="1"/>
        <charset val="128"/>
      </rPr>
      <t>の多い人。</t>
    </r>
    <rPh sb="0" eb="3">
      <t>ハイカツリョウ</t>
    </rPh>
    <rPh sb="4" eb="5">
      <t>オオ</t>
    </rPh>
    <rPh sb="6" eb="7">
      <t>ヒト</t>
    </rPh>
    <phoneticPr fontId="1"/>
  </si>
  <si>
    <r>
      <t>今日は弟の</t>
    </r>
    <r>
      <rPr>
        <b/>
        <u/>
        <sz val="14"/>
        <color indexed="8"/>
        <rFont val="HGP教科書体"/>
        <family val="1"/>
        <charset val="128"/>
      </rPr>
      <t>誕生日</t>
    </r>
    <r>
      <rPr>
        <sz val="14"/>
        <color indexed="8"/>
        <rFont val="HGP教科書体"/>
        <family val="1"/>
        <charset val="128"/>
      </rPr>
      <t>だ。</t>
    </r>
    <rPh sb="0" eb="2">
      <t>キョウ</t>
    </rPh>
    <rPh sb="3" eb="4">
      <t>オトウト</t>
    </rPh>
    <rPh sb="5" eb="8">
      <t>タンジョウビ</t>
    </rPh>
    <phoneticPr fontId="1"/>
  </si>
  <si>
    <r>
      <t>商店が</t>
    </r>
    <r>
      <rPr>
        <b/>
        <u/>
        <sz val="14"/>
        <color indexed="8"/>
        <rFont val="HGP教科書体"/>
        <family val="1"/>
        <charset val="128"/>
      </rPr>
      <t>臨時</t>
    </r>
    <r>
      <rPr>
        <sz val="14"/>
        <color indexed="8"/>
        <rFont val="HGP教科書体"/>
        <family val="1"/>
        <charset val="128"/>
      </rPr>
      <t>休業になる。</t>
    </r>
    <rPh sb="0" eb="2">
      <t>ショウテン</t>
    </rPh>
    <rPh sb="3" eb="5">
      <t>リンジ</t>
    </rPh>
    <rPh sb="5" eb="7">
      <t>キュウギョウ</t>
    </rPh>
    <phoneticPr fontId="1"/>
  </si>
  <si>
    <r>
      <t>日本国</t>
    </r>
    <r>
      <rPr>
        <b/>
        <u/>
        <sz val="14"/>
        <color indexed="8"/>
        <rFont val="HGP教科書体"/>
        <family val="1"/>
        <charset val="128"/>
      </rPr>
      <t>憲法</t>
    </r>
    <r>
      <rPr>
        <sz val="14"/>
        <color indexed="8"/>
        <rFont val="HGP教科書体"/>
        <family val="1"/>
        <charset val="128"/>
      </rPr>
      <t>。</t>
    </r>
    <rPh sb="0" eb="3">
      <t>ニホンコク</t>
    </rPh>
    <rPh sb="3" eb="5">
      <t>ケンポウ</t>
    </rPh>
    <phoneticPr fontId="1"/>
  </si>
  <si>
    <r>
      <t>切り</t>
    </r>
    <r>
      <rPr>
        <b/>
        <u/>
        <sz val="14"/>
        <color indexed="8"/>
        <rFont val="HGP教科書体"/>
        <family val="1"/>
        <charset val="128"/>
      </rPr>
      <t>株</t>
    </r>
    <r>
      <rPr>
        <sz val="14"/>
        <color indexed="8"/>
        <rFont val="HGP教科書体"/>
        <family val="1"/>
        <charset val="128"/>
      </rPr>
      <t>につまずく。</t>
    </r>
    <rPh sb="0" eb="1">
      <t>キ</t>
    </rPh>
    <rPh sb="2" eb="3">
      <t>カブ</t>
    </rPh>
    <phoneticPr fontId="1"/>
  </si>
  <si>
    <r>
      <rPr>
        <b/>
        <u/>
        <sz val="14"/>
        <color indexed="8"/>
        <rFont val="HGP教科書体"/>
        <family val="1"/>
        <charset val="128"/>
      </rPr>
      <t>絹</t>
    </r>
    <r>
      <rPr>
        <sz val="14"/>
        <color indexed="8"/>
        <rFont val="HGP教科書体"/>
        <family val="1"/>
        <charset val="128"/>
      </rPr>
      <t>のスカーフ。</t>
    </r>
    <rPh sb="0" eb="1">
      <t>キヌ</t>
    </rPh>
    <phoneticPr fontId="1"/>
  </si>
  <si>
    <r>
      <rPr>
        <b/>
        <u/>
        <sz val="14"/>
        <color indexed="8"/>
        <rFont val="HGP教科書体"/>
        <family val="1"/>
        <charset val="128"/>
      </rPr>
      <t>一枚</t>
    </r>
    <r>
      <rPr>
        <sz val="14"/>
        <color indexed="8"/>
        <rFont val="HGP教科書体"/>
        <family val="1"/>
        <charset val="128"/>
      </rPr>
      <t>の絵。</t>
    </r>
    <rPh sb="0" eb="2">
      <t>イチマイ</t>
    </rPh>
    <rPh sb="3" eb="4">
      <t>エ</t>
    </rPh>
    <phoneticPr fontId="1"/>
  </si>
  <si>
    <r>
      <rPr>
        <b/>
        <u/>
        <sz val="14"/>
        <color indexed="8"/>
        <rFont val="HGP教科書体"/>
        <family val="1"/>
        <charset val="128"/>
      </rPr>
      <t>激</t>
    </r>
    <r>
      <rPr>
        <sz val="14"/>
        <color indexed="8"/>
        <rFont val="HGP教科書体"/>
        <family val="1"/>
        <charset val="128"/>
      </rPr>
      <t>しい雨でびしょびしょだ。</t>
    </r>
    <rPh sb="0" eb="1">
      <t>ハゲ</t>
    </rPh>
    <rPh sb="3" eb="4">
      <t>アメ</t>
    </rPh>
    <phoneticPr fontId="1"/>
  </si>
  <si>
    <r>
      <t>大きな</t>
    </r>
    <r>
      <rPr>
        <b/>
        <u/>
        <sz val="14"/>
        <color indexed="8"/>
        <rFont val="HGP教科書体"/>
        <family val="1"/>
        <charset val="128"/>
      </rPr>
      <t>看板</t>
    </r>
    <r>
      <rPr>
        <sz val="14"/>
        <color indexed="8"/>
        <rFont val="HGP教科書体"/>
        <family val="1"/>
        <charset val="128"/>
      </rPr>
      <t>を見上げる。</t>
    </r>
    <rPh sb="0" eb="1">
      <t>オオ</t>
    </rPh>
    <rPh sb="3" eb="5">
      <t>カンバン</t>
    </rPh>
    <rPh sb="6" eb="8">
      <t>ミア</t>
    </rPh>
    <phoneticPr fontId="1"/>
  </si>
  <si>
    <r>
      <t>空が夕日で赤く</t>
    </r>
    <r>
      <rPr>
        <b/>
        <u/>
        <sz val="14"/>
        <color indexed="8"/>
        <rFont val="HGP教科書体"/>
        <family val="1"/>
        <charset val="128"/>
      </rPr>
      <t>染</t>
    </r>
    <r>
      <rPr>
        <sz val="14"/>
        <color indexed="8"/>
        <rFont val="HGP教科書体"/>
        <family val="1"/>
        <charset val="128"/>
      </rPr>
      <t>まる。</t>
    </r>
    <rPh sb="0" eb="1">
      <t>ソラ</t>
    </rPh>
    <rPh sb="2" eb="4">
      <t>ユウヒ</t>
    </rPh>
    <rPh sb="5" eb="6">
      <t>アカ</t>
    </rPh>
    <rPh sb="7" eb="8">
      <t>ソ</t>
    </rPh>
    <phoneticPr fontId="1"/>
  </si>
  <si>
    <r>
      <rPr>
        <b/>
        <u/>
        <sz val="14"/>
        <color indexed="8"/>
        <rFont val="HGP教科書体"/>
        <family val="1"/>
        <charset val="128"/>
      </rPr>
      <t>同窓会</t>
    </r>
    <r>
      <rPr>
        <sz val="14"/>
        <color indexed="8"/>
        <rFont val="HGP教科書体"/>
        <family val="1"/>
        <charset val="128"/>
      </rPr>
      <t>を開く。</t>
    </r>
    <rPh sb="0" eb="3">
      <t>ドウソウカイ</t>
    </rPh>
    <rPh sb="4" eb="5">
      <t>ヒラ</t>
    </rPh>
    <phoneticPr fontId="1"/>
  </si>
  <si>
    <r>
      <t>数々の</t>
    </r>
    <r>
      <rPr>
        <b/>
        <u/>
        <sz val="14"/>
        <color indexed="8"/>
        <rFont val="HGP教科書体"/>
        <family val="1"/>
        <charset val="128"/>
      </rPr>
      <t>障害</t>
    </r>
    <r>
      <rPr>
        <sz val="14"/>
        <color indexed="8"/>
        <rFont val="HGP教科書体"/>
        <family val="1"/>
        <charset val="128"/>
      </rPr>
      <t>を乗りこえる。</t>
    </r>
    <rPh sb="0" eb="2">
      <t>カズカズ</t>
    </rPh>
    <rPh sb="3" eb="5">
      <t>ショウガイ</t>
    </rPh>
    <rPh sb="6" eb="7">
      <t>ノ</t>
    </rPh>
    <phoneticPr fontId="1"/>
  </si>
  <si>
    <r>
      <rPr>
        <b/>
        <u/>
        <sz val="14"/>
        <color indexed="8"/>
        <rFont val="HGP教科書体"/>
        <family val="1"/>
        <charset val="128"/>
      </rPr>
      <t>鋼鉄</t>
    </r>
    <r>
      <rPr>
        <sz val="14"/>
        <color indexed="8"/>
        <rFont val="HGP教科書体"/>
        <family val="1"/>
        <charset val="128"/>
      </rPr>
      <t>で造られたビル。</t>
    </r>
    <rPh sb="0" eb="2">
      <t>コウテツ</t>
    </rPh>
    <rPh sb="3" eb="4">
      <t>ツク</t>
    </rPh>
    <phoneticPr fontId="1"/>
  </si>
  <si>
    <r>
      <rPr>
        <b/>
        <u/>
        <sz val="14"/>
        <color indexed="8"/>
        <rFont val="HGP教科書体"/>
        <family val="1"/>
        <charset val="128"/>
      </rPr>
      <t>一寸</t>
    </r>
    <r>
      <rPr>
        <sz val="14"/>
        <color indexed="8"/>
        <rFont val="HGP教科書体"/>
        <family val="1"/>
        <charset val="128"/>
      </rPr>
      <t>先はやみ。</t>
    </r>
    <rPh sb="0" eb="3">
      <t>イッスンサキ</t>
    </rPh>
    <phoneticPr fontId="1"/>
  </si>
  <si>
    <r>
      <t>他国と</t>
    </r>
    <r>
      <rPr>
        <b/>
        <u/>
        <sz val="14"/>
        <color indexed="8"/>
        <rFont val="HGP教科書体"/>
        <family val="1"/>
        <charset val="128"/>
      </rPr>
      <t>同盟</t>
    </r>
    <r>
      <rPr>
        <sz val="14"/>
        <color indexed="8"/>
        <rFont val="HGP教科書体"/>
        <family val="1"/>
        <charset val="128"/>
      </rPr>
      <t>を組む。</t>
    </r>
    <rPh sb="0" eb="2">
      <t>タコク</t>
    </rPh>
    <rPh sb="3" eb="5">
      <t>ドウメイ</t>
    </rPh>
    <rPh sb="6" eb="7">
      <t>ク</t>
    </rPh>
    <phoneticPr fontId="1"/>
  </si>
  <si>
    <r>
      <t>逆転ホームランに</t>
    </r>
    <r>
      <rPr>
        <b/>
        <u/>
        <sz val="14"/>
        <color indexed="8"/>
        <rFont val="HGP教科書体"/>
        <family val="1"/>
        <charset val="128"/>
      </rPr>
      <t>興奮</t>
    </r>
    <r>
      <rPr>
        <sz val="14"/>
        <color indexed="8"/>
        <rFont val="HGP教科書体"/>
        <family val="1"/>
        <charset val="128"/>
      </rPr>
      <t>する。</t>
    </r>
    <rPh sb="0" eb="2">
      <t>ギャクテン</t>
    </rPh>
    <rPh sb="8" eb="10">
      <t>コウフン</t>
    </rPh>
    <phoneticPr fontId="1"/>
  </si>
  <si>
    <r>
      <t>限りある</t>
    </r>
    <r>
      <rPr>
        <b/>
        <u/>
        <sz val="14"/>
        <color indexed="8"/>
        <rFont val="HGP教科書体"/>
        <family val="1"/>
        <charset val="128"/>
      </rPr>
      <t>資源</t>
    </r>
    <r>
      <rPr>
        <sz val="14"/>
        <color indexed="8"/>
        <rFont val="HGP教科書体"/>
        <family val="1"/>
        <charset val="128"/>
      </rPr>
      <t>を大切に。</t>
    </r>
    <rPh sb="0" eb="1">
      <t>カギ</t>
    </rPh>
    <rPh sb="4" eb="6">
      <t>シゲン</t>
    </rPh>
    <rPh sb="7" eb="9">
      <t>タイセツ</t>
    </rPh>
    <phoneticPr fontId="1"/>
  </si>
  <si>
    <r>
      <rPr>
        <b/>
        <u/>
        <sz val="14"/>
        <color indexed="8"/>
        <rFont val="HGP教科書体"/>
        <family val="1"/>
        <charset val="128"/>
      </rPr>
      <t>垂直</t>
    </r>
    <r>
      <rPr>
        <sz val="14"/>
        <color indexed="8"/>
        <rFont val="HGP教科書体"/>
        <family val="1"/>
        <charset val="128"/>
      </rPr>
      <t>に線を引く。</t>
    </r>
    <rPh sb="0" eb="2">
      <t>スイチョク</t>
    </rPh>
    <rPh sb="3" eb="4">
      <t>セン</t>
    </rPh>
    <rPh sb="5" eb="6">
      <t>ヒ</t>
    </rPh>
    <phoneticPr fontId="1"/>
  </si>
  <si>
    <r>
      <t>古い切手を</t>
    </r>
    <r>
      <rPr>
        <b/>
        <u/>
        <sz val="14"/>
        <color indexed="8"/>
        <rFont val="HGP教科書体"/>
        <family val="1"/>
        <charset val="128"/>
      </rPr>
      <t>収集</t>
    </r>
    <r>
      <rPr>
        <sz val="14"/>
        <color indexed="8"/>
        <rFont val="HGP教科書体"/>
        <family val="1"/>
        <charset val="128"/>
      </rPr>
      <t>する。</t>
    </r>
    <rPh sb="0" eb="1">
      <t>フル</t>
    </rPh>
    <rPh sb="2" eb="4">
      <t>キッテ</t>
    </rPh>
    <rPh sb="5" eb="7">
      <t>シュウシュウ</t>
    </rPh>
    <phoneticPr fontId="1"/>
  </si>
  <si>
    <r>
      <t>野口英世を</t>
    </r>
    <r>
      <rPr>
        <b/>
        <u/>
        <sz val="14"/>
        <color indexed="8"/>
        <rFont val="HGP教科書体"/>
        <family val="1"/>
        <charset val="128"/>
      </rPr>
      <t>尊敬</t>
    </r>
    <r>
      <rPr>
        <sz val="14"/>
        <color indexed="8"/>
        <rFont val="HGP教科書体"/>
        <family val="1"/>
        <charset val="128"/>
      </rPr>
      <t>する。</t>
    </r>
    <rPh sb="0" eb="2">
      <t>ノグチ</t>
    </rPh>
    <rPh sb="2" eb="4">
      <t>ヒデヨ</t>
    </rPh>
    <rPh sb="5" eb="7">
      <t>ソンケイ</t>
    </rPh>
    <phoneticPr fontId="1"/>
  </si>
  <si>
    <r>
      <t>本を</t>
    </r>
    <r>
      <rPr>
        <b/>
        <u/>
        <sz val="14"/>
        <color indexed="8"/>
        <rFont val="HGP教科書体"/>
        <family val="1"/>
        <charset val="128"/>
      </rPr>
      <t>朗読</t>
    </r>
    <r>
      <rPr>
        <sz val="14"/>
        <color indexed="8"/>
        <rFont val="HGP教科書体"/>
        <family val="1"/>
        <charset val="128"/>
      </rPr>
      <t>する。</t>
    </r>
    <rPh sb="0" eb="1">
      <t>ホン</t>
    </rPh>
    <rPh sb="2" eb="4">
      <t>ロウドク</t>
    </rPh>
    <phoneticPr fontId="1"/>
  </si>
  <si>
    <r>
      <t>わき出る</t>
    </r>
    <r>
      <rPr>
        <b/>
        <u/>
        <sz val="14"/>
        <color indexed="8"/>
        <rFont val="HGP教科書体"/>
        <family val="1"/>
        <charset val="128"/>
      </rPr>
      <t>清水</t>
    </r>
    <r>
      <rPr>
        <sz val="14"/>
        <color indexed="8"/>
        <rFont val="HGP教科書体"/>
        <family val="1"/>
        <charset val="128"/>
      </rPr>
      <t>を飲む。</t>
    </r>
    <rPh sb="2" eb="3">
      <t>デ</t>
    </rPh>
    <rPh sb="4" eb="6">
      <t>シミズ</t>
    </rPh>
    <rPh sb="7" eb="8">
      <t>ノ</t>
    </rPh>
    <phoneticPr fontId="1"/>
  </si>
  <si>
    <r>
      <rPr>
        <b/>
        <u/>
        <sz val="14"/>
        <color indexed="8"/>
        <rFont val="HGP教科書体"/>
        <family val="1"/>
        <charset val="128"/>
      </rPr>
      <t>下手</t>
    </r>
    <r>
      <rPr>
        <sz val="14"/>
        <color indexed="8"/>
        <rFont val="HGP教科書体"/>
        <family val="1"/>
        <charset val="128"/>
      </rPr>
      <t>の横好き。</t>
    </r>
    <rPh sb="0" eb="2">
      <t>ヘタ</t>
    </rPh>
    <rPh sb="3" eb="5">
      <t>ヨコズ</t>
    </rPh>
    <phoneticPr fontId="1"/>
  </si>
  <si>
    <r>
      <rPr>
        <b/>
        <u/>
        <sz val="14"/>
        <color indexed="8"/>
        <rFont val="HGP教科書体"/>
        <family val="1"/>
        <charset val="128"/>
      </rPr>
      <t>翌日</t>
    </r>
    <r>
      <rPr>
        <sz val="14"/>
        <color indexed="8"/>
        <rFont val="HGP教科書体"/>
        <family val="1"/>
        <charset val="128"/>
      </rPr>
      <t>は晴れるでしょう。</t>
    </r>
    <rPh sb="0" eb="2">
      <t>ヨクジツ</t>
    </rPh>
    <rPh sb="3" eb="4">
      <t>ハ</t>
    </rPh>
    <phoneticPr fontId="1"/>
  </si>
  <si>
    <r>
      <rPr>
        <b/>
        <u/>
        <sz val="14"/>
        <color indexed="8"/>
        <rFont val="HGP教科書体"/>
        <family val="1"/>
        <charset val="128"/>
      </rPr>
      <t>善</t>
    </r>
    <r>
      <rPr>
        <sz val="14"/>
        <color indexed="8"/>
        <rFont val="HGP教科書体"/>
        <family val="1"/>
        <charset val="128"/>
      </rPr>
      <t>は急げ。</t>
    </r>
    <rPh sb="0" eb="1">
      <t>ゼン</t>
    </rPh>
    <rPh sb="2" eb="3">
      <t>イソ</t>
    </rPh>
    <phoneticPr fontId="1"/>
  </si>
  <si>
    <r>
      <t>会議では</t>
    </r>
    <r>
      <rPr>
        <b/>
        <u/>
        <sz val="14"/>
        <color indexed="8"/>
        <rFont val="HGP教科書体"/>
        <family val="1"/>
        <charset val="128"/>
      </rPr>
      <t>私語</t>
    </r>
    <r>
      <rPr>
        <sz val="14"/>
        <color indexed="8"/>
        <rFont val="HGP教科書体"/>
        <family val="1"/>
        <charset val="128"/>
      </rPr>
      <t>をつつしむ。</t>
    </r>
    <rPh sb="0" eb="2">
      <t>カイギ</t>
    </rPh>
    <rPh sb="4" eb="6">
      <t>シゴ</t>
    </rPh>
    <phoneticPr fontId="1"/>
  </si>
  <si>
    <r>
      <rPr>
        <b/>
        <u/>
        <sz val="14"/>
        <color indexed="8"/>
        <rFont val="HGP教科書体"/>
        <family val="1"/>
        <charset val="128"/>
      </rPr>
      <t>自己</t>
    </r>
    <r>
      <rPr>
        <sz val="14"/>
        <color indexed="8"/>
        <rFont val="HGP教科書体"/>
        <family val="1"/>
        <charset val="128"/>
      </rPr>
      <t>しょうかいをする。</t>
    </r>
    <rPh sb="0" eb="2">
      <t>ジコ</t>
    </rPh>
    <phoneticPr fontId="1"/>
  </si>
  <si>
    <r>
      <rPr>
        <b/>
        <u/>
        <sz val="14"/>
        <color indexed="8"/>
        <rFont val="HGP教科書体"/>
        <family val="1"/>
        <charset val="128"/>
      </rPr>
      <t>内閣</t>
    </r>
    <r>
      <rPr>
        <sz val="14"/>
        <color indexed="8"/>
        <rFont val="HGP教科書体"/>
        <family val="1"/>
        <charset val="128"/>
      </rPr>
      <t>総理大臣。</t>
    </r>
    <rPh sb="0" eb="2">
      <t>ナイカク</t>
    </rPh>
    <rPh sb="2" eb="4">
      <t>ソウリ</t>
    </rPh>
    <rPh sb="4" eb="6">
      <t>ダイジン</t>
    </rPh>
    <phoneticPr fontId="1"/>
  </si>
  <si>
    <r>
      <t>川に</t>
    </r>
    <r>
      <rPr>
        <b/>
        <u/>
        <sz val="14"/>
        <color indexed="8"/>
        <rFont val="HGP教科書体"/>
        <family val="1"/>
        <charset val="128"/>
      </rPr>
      <t>沿</t>
    </r>
    <r>
      <rPr>
        <sz val="14"/>
        <color indexed="8"/>
        <rFont val="HGP教科書体"/>
        <family val="1"/>
        <charset val="128"/>
      </rPr>
      <t>って歩く。</t>
    </r>
    <rPh sb="0" eb="1">
      <t>カワ</t>
    </rPh>
    <rPh sb="2" eb="3">
      <t>ソ</t>
    </rPh>
    <rPh sb="5" eb="6">
      <t>アル</t>
    </rPh>
    <phoneticPr fontId="1"/>
  </si>
  <si>
    <r>
      <rPr>
        <b/>
        <u/>
        <sz val="14"/>
        <color indexed="8"/>
        <rFont val="HGP教科書体"/>
        <family val="1"/>
        <charset val="128"/>
      </rPr>
      <t>誠実</t>
    </r>
    <r>
      <rPr>
        <sz val="14"/>
        <color indexed="8"/>
        <rFont val="HGP教科書体"/>
        <family val="1"/>
        <charset val="128"/>
      </rPr>
      <t>な態度で人と接する。</t>
    </r>
    <rPh sb="0" eb="2">
      <t>セイジツ</t>
    </rPh>
    <rPh sb="3" eb="5">
      <t>タイド</t>
    </rPh>
    <rPh sb="6" eb="7">
      <t>ヒト</t>
    </rPh>
    <rPh sb="8" eb="9">
      <t>セッ</t>
    </rPh>
    <phoneticPr fontId="1"/>
  </si>
  <si>
    <r>
      <t>情報が多くて</t>
    </r>
    <r>
      <rPr>
        <b/>
        <u/>
        <sz val="14"/>
        <color indexed="8"/>
        <rFont val="HGP教科書体"/>
        <family val="1"/>
        <charset val="128"/>
      </rPr>
      <t>混乱</t>
    </r>
    <r>
      <rPr>
        <sz val="14"/>
        <color indexed="8"/>
        <rFont val="HGP教科書体"/>
        <family val="1"/>
        <charset val="128"/>
      </rPr>
      <t>する。</t>
    </r>
    <rPh sb="0" eb="2">
      <t>ジョウホウ</t>
    </rPh>
    <rPh sb="3" eb="4">
      <t>オオ</t>
    </rPh>
    <rPh sb="6" eb="8">
      <t>コンラン</t>
    </rPh>
    <phoneticPr fontId="1"/>
  </si>
  <si>
    <r>
      <t>千葉市は</t>
    </r>
    <r>
      <rPr>
        <b/>
        <u/>
        <sz val="14"/>
        <color indexed="8"/>
        <rFont val="HGP教科書体"/>
        <family val="1"/>
        <charset val="128"/>
      </rPr>
      <t>県庁</t>
    </r>
    <r>
      <rPr>
        <sz val="14"/>
        <color indexed="8"/>
        <rFont val="HGP教科書体"/>
        <family val="1"/>
        <charset val="128"/>
      </rPr>
      <t>所在地だ。</t>
    </r>
    <rPh sb="0" eb="3">
      <t>チバシ</t>
    </rPh>
    <rPh sb="4" eb="6">
      <t>ケンチョウ</t>
    </rPh>
    <rPh sb="6" eb="9">
      <t>ショザイチ</t>
    </rPh>
    <phoneticPr fontId="1"/>
  </si>
  <si>
    <r>
      <t>オーケストラの</t>
    </r>
    <r>
      <rPr>
        <b/>
        <u/>
        <sz val="14"/>
        <color indexed="8"/>
        <rFont val="HGP教科書体"/>
        <family val="1"/>
        <charset val="128"/>
      </rPr>
      <t>指揮者</t>
    </r>
    <r>
      <rPr>
        <sz val="14"/>
        <color indexed="8"/>
        <rFont val="HGP教科書体"/>
        <family val="1"/>
        <charset val="128"/>
      </rPr>
      <t>。</t>
    </r>
    <rPh sb="7" eb="10">
      <t>シキシャ</t>
    </rPh>
    <phoneticPr fontId="1"/>
  </si>
  <si>
    <r>
      <t>音楽の時間に</t>
    </r>
    <r>
      <rPr>
        <b/>
        <u/>
        <sz val="14"/>
        <color indexed="8"/>
        <rFont val="HGP教科書体"/>
        <family val="1"/>
        <charset val="128"/>
      </rPr>
      <t>合奏</t>
    </r>
    <r>
      <rPr>
        <sz val="14"/>
        <color indexed="8"/>
        <rFont val="HGP教科書体"/>
        <family val="1"/>
        <charset val="128"/>
      </rPr>
      <t>する。</t>
    </r>
    <rPh sb="0" eb="2">
      <t>オンガク</t>
    </rPh>
    <rPh sb="3" eb="5">
      <t>ジカン</t>
    </rPh>
    <rPh sb="6" eb="8">
      <t>ガッソウ</t>
    </rPh>
    <phoneticPr fontId="1"/>
  </si>
  <si>
    <r>
      <rPr>
        <b/>
        <u/>
        <sz val="14"/>
        <color indexed="8"/>
        <rFont val="HGP教科書体"/>
        <family val="1"/>
        <charset val="128"/>
      </rPr>
      <t>縦書</t>
    </r>
    <r>
      <rPr>
        <sz val="14"/>
        <color indexed="8"/>
        <rFont val="HGP教科書体"/>
        <family val="1"/>
        <charset val="128"/>
      </rPr>
      <t>きの原こう用紙を使う。</t>
    </r>
    <rPh sb="0" eb="2">
      <t>タテガ</t>
    </rPh>
    <rPh sb="4" eb="5">
      <t>ハラ</t>
    </rPh>
    <rPh sb="7" eb="9">
      <t>ヨウシ</t>
    </rPh>
    <rPh sb="10" eb="11">
      <t>ツカ</t>
    </rPh>
    <phoneticPr fontId="1"/>
  </si>
  <si>
    <r>
      <t>下校の</t>
    </r>
    <r>
      <rPr>
        <b/>
        <u/>
        <sz val="14"/>
        <color indexed="8"/>
        <rFont val="HGP教科書体"/>
        <family val="1"/>
        <charset val="128"/>
      </rPr>
      <t>時刻</t>
    </r>
    <r>
      <rPr>
        <sz val="14"/>
        <color indexed="8"/>
        <rFont val="HGP教科書体"/>
        <family val="1"/>
        <charset val="128"/>
      </rPr>
      <t>になった。</t>
    </r>
    <rPh sb="0" eb="2">
      <t>ゲコウ</t>
    </rPh>
    <rPh sb="3" eb="5">
      <t>ジコク</t>
    </rPh>
    <phoneticPr fontId="1"/>
  </si>
  <si>
    <r>
      <rPr>
        <b/>
        <u/>
        <sz val="14"/>
        <color indexed="8"/>
        <rFont val="HGP教科書体"/>
        <family val="1"/>
        <charset val="128"/>
      </rPr>
      <t>腹</t>
    </r>
    <r>
      <rPr>
        <sz val="14"/>
        <color indexed="8"/>
        <rFont val="HGP教科書体"/>
        <family val="1"/>
        <charset val="128"/>
      </rPr>
      <t>の底から笑う。</t>
    </r>
    <rPh sb="0" eb="1">
      <t>ハラ</t>
    </rPh>
    <rPh sb="2" eb="3">
      <t>ソコ</t>
    </rPh>
    <rPh sb="5" eb="6">
      <t>ワラ</t>
    </rPh>
    <phoneticPr fontId="1"/>
  </si>
  <si>
    <r>
      <t>的に向けて矢を</t>
    </r>
    <r>
      <rPr>
        <b/>
        <u/>
        <sz val="14"/>
        <color indexed="8"/>
        <rFont val="HGP教科書体"/>
        <family val="1"/>
        <charset val="128"/>
      </rPr>
      <t>射</t>
    </r>
    <r>
      <rPr>
        <sz val="14"/>
        <color indexed="8"/>
        <rFont val="HGP教科書体"/>
        <family val="1"/>
        <charset val="128"/>
      </rPr>
      <t>る。</t>
    </r>
    <rPh sb="0" eb="1">
      <t>マト</t>
    </rPh>
    <rPh sb="2" eb="3">
      <t>ム</t>
    </rPh>
    <rPh sb="5" eb="6">
      <t>ヤ</t>
    </rPh>
    <rPh sb="7" eb="8">
      <t>イ</t>
    </rPh>
    <phoneticPr fontId="1"/>
  </si>
  <si>
    <r>
      <rPr>
        <b/>
        <u/>
        <sz val="14"/>
        <color indexed="8"/>
        <rFont val="HGP教科書体"/>
        <family val="1"/>
        <charset val="128"/>
      </rPr>
      <t>困難</t>
    </r>
    <r>
      <rPr>
        <sz val="14"/>
        <color indexed="8"/>
        <rFont val="HGP教科書体"/>
        <family val="1"/>
        <charset val="128"/>
      </rPr>
      <t>に立ち向かう。</t>
    </r>
    <rPh sb="0" eb="2">
      <t>コンナン</t>
    </rPh>
    <rPh sb="3" eb="4">
      <t>タ</t>
    </rPh>
    <rPh sb="5" eb="6">
      <t>ム</t>
    </rPh>
    <phoneticPr fontId="1"/>
  </si>
  <si>
    <r>
      <t>楽な</t>
    </r>
    <r>
      <rPr>
        <b/>
        <u/>
        <sz val="14"/>
        <color indexed="8"/>
        <rFont val="HGP教科書体"/>
        <family val="1"/>
        <charset val="128"/>
      </rPr>
      <t>姿勢</t>
    </r>
    <r>
      <rPr>
        <sz val="14"/>
        <color indexed="8"/>
        <rFont val="HGP教科書体"/>
        <family val="1"/>
        <charset val="128"/>
      </rPr>
      <t>で話を聞く。</t>
    </r>
    <rPh sb="0" eb="1">
      <t>ラク</t>
    </rPh>
    <rPh sb="2" eb="4">
      <t>シセイ</t>
    </rPh>
    <rPh sb="5" eb="6">
      <t>ハナシ</t>
    </rPh>
    <rPh sb="7" eb="8">
      <t>キ</t>
    </rPh>
    <phoneticPr fontId="1"/>
  </si>
  <si>
    <r>
      <rPr>
        <b/>
        <u/>
        <sz val="14"/>
        <color indexed="8"/>
        <rFont val="HGP教科書体"/>
        <family val="1"/>
        <charset val="128"/>
      </rPr>
      <t>著名</t>
    </r>
    <r>
      <rPr>
        <sz val="14"/>
        <color indexed="8"/>
        <rFont val="HGP教科書体"/>
        <family val="1"/>
        <charset val="128"/>
      </rPr>
      <t>な芸術家。</t>
    </r>
    <rPh sb="0" eb="2">
      <t>チョメイ</t>
    </rPh>
    <rPh sb="3" eb="6">
      <t>ゲイジュツカ</t>
    </rPh>
    <phoneticPr fontId="1"/>
  </si>
  <si>
    <r>
      <t>音楽の時間に</t>
    </r>
    <r>
      <rPr>
        <b/>
        <u/>
        <sz val="14"/>
        <color indexed="8"/>
        <rFont val="HGP教科書体"/>
        <family val="1"/>
        <charset val="128"/>
      </rPr>
      <t>ガッソウ</t>
    </r>
    <r>
      <rPr>
        <sz val="14"/>
        <color indexed="8"/>
        <rFont val="HGP教科書体"/>
        <family val="1"/>
        <charset val="128"/>
      </rPr>
      <t>する。</t>
    </r>
    <rPh sb="0" eb="2">
      <t>オンガク</t>
    </rPh>
    <rPh sb="3" eb="5">
      <t>ジカン</t>
    </rPh>
    <phoneticPr fontId="1"/>
  </si>
  <si>
    <r>
      <t>オーケストラの</t>
    </r>
    <r>
      <rPr>
        <b/>
        <u/>
        <sz val="14"/>
        <color indexed="8"/>
        <rFont val="HGP教科書体"/>
        <family val="1"/>
        <charset val="128"/>
      </rPr>
      <t>シキシャ</t>
    </r>
    <r>
      <rPr>
        <sz val="14"/>
        <color indexed="8"/>
        <rFont val="HGP教科書体"/>
        <family val="1"/>
        <charset val="128"/>
      </rPr>
      <t>。</t>
    </r>
    <phoneticPr fontId="1"/>
  </si>
  <si>
    <r>
      <t>千葉市は</t>
    </r>
    <r>
      <rPr>
        <b/>
        <u/>
        <sz val="14"/>
        <color indexed="8"/>
        <rFont val="HGP教科書体"/>
        <family val="1"/>
        <charset val="128"/>
      </rPr>
      <t>ケンチョウ</t>
    </r>
    <r>
      <rPr>
        <sz val="14"/>
        <color indexed="8"/>
        <rFont val="HGP教科書体"/>
        <family val="1"/>
        <charset val="128"/>
      </rPr>
      <t>所在地だ。</t>
    </r>
    <rPh sb="0" eb="3">
      <t>チバシ</t>
    </rPh>
    <rPh sb="9" eb="12">
      <t>ショザイチ</t>
    </rPh>
    <phoneticPr fontId="1"/>
  </si>
  <si>
    <r>
      <t>情報が多くて</t>
    </r>
    <r>
      <rPr>
        <b/>
        <u/>
        <sz val="14"/>
        <color indexed="8"/>
        <rFont val="HGP教科書体"/>
        <family val="1"/>
        <charset val="128"/>
      </rPr>
      <t>コンラン</t>
    </r>
    <r>
      <rPr>
        <sz val="14"/>
        <color indexed="8"/>
        <rFont val="HGP教科書体"/>
        <family val="1"/>
        <charset val="128"/>
      </rPr>
      <t>する。</t>
    </r>
    <rPh sb="0" eb="2">
      <t>ジョウホウ</t>
    </rPh>
    <rPh sb="3" eb="4">
      <t>オオ</t>
    </rPh>
    <phoneticPr fontId="1"/>
  </si>
  <si>
    <r>
      <rPr>
        <b/>
        <u/>
        <sz val="14"/>
        <color indexed="8"/>
        <rFont val="HGP教科書体"/>
        <family val="1"/>
        <charset val="128"/>
      </rPr>
      <t>セイジツ</t>
    </r>
    <r>
      <rPr>
        <sz val="14"/>
        <color indexed="8"/>
        <rFont val="HGP教科書体"/>
        <family val="1"/>
        <charset val="128"/>
      </rPr>
      <t>な態度で人と接する。</t>
    </r>
    <rPh sb="5" eb="7">
      <t>タイド</t>
    </rPh>
    <rPh sb="8" eb="9">
      <t>ヒト</t>
    </rPh>
    <rPh sb="10" eb="11">
      <t>セッ</t>
    </rPh>
    <phoneticPr fontId="1"/>
  </si>
  <si>
    <r>
      <t>川に</t>
    </r>
    <r>
      <rPr>
        <b/>
        <u/>
        <sz val="14"/>
        <color indexed="8"/>
        <rFont val="HGP教科書体"/>
        <family val="1"/>
        <charset val="128"/>
      </rPr>
      <t>ソ</t>
    </r>
    <r>
      <rPr>
        <sz val="14"/>
        <color indexed="8"/>
        <rFont val="HGP教科書体"/>
        <family val="1"/>
        <charset val="128"/>
      </rPr>
      <t>って歩く。</t>
    </r>
    <rPh sb="0" eb="1">
      <t>カワ</t>
    </rPh>
    <rPh sb="5" eb="6">
      <t>アル</t>
    </rPh>
    <phoneticPr fontId="1"/>
  </si>
  <si>
    <r>
      <rPr>
        <b/>
        <u/>
        <sz val="14"/>
        <color indexed="8"/>
        <rFont val="HGP教科書体"/>
        <family val="1"/>
        <charset val="128"/>
      </rPr>
      <t>ナイカク</t>
    </r>
    <r>
      <rPr>
        <sz val="14"/>
        <color indexed="8"/>
        <rFont val="HGP教科書体"/>
        <family val="1"/>
        <charset val="128"/>
      </rPr>
      <t>総理大臣。</t>
    </r>
    <rPh sb="4" eb="6">
      <t>ソウリ</t>
    </rPh>
    <rPh sb="6" eb="8">
      <t>ダイジン</t>
    </rPh>
    <phoneticPr fontId="1"/>
  </si>
  <si>
    <r>
      <rPr>
        <b/>
        <u/>
        <sz val="14"/>
        <color indexed="8"/>
        <rFont val="HGP教科書体"/>
        <family val="1"/>
        <charset val="128"/>
      </rPr>
      <t>ジコ</t>
    </r>
    <r>
      <rPr>
        <sz val="14"/>
        <color indexed="8"/>
        <rFont val="HGP教科書体"/>
        <family val="1"/>
        <charset val="128"/>
      </rPr>
      <t>しょうかいをする。</t>
    </r>
    <phoneticPr fontId="1"/>
  </si>
  <si>
    <r>
      <t>会議では</t>
    </r>
    <r>
      <rPr>
        <b/>
        <u/>
        <sz val="14"/>
        <color indexed="8"/>
        <rFont val="HGP教科書体"/>
        <family val="1"/>
        <charset val="128"/>
      </rPr>
      <t>シゴ</t>
    </r>
    <r>
      <rPr>
        <sz val="14"/>
        <color indexed="8"/>
        <rFont val="HGP教科書体"/>
        <family val="1"/>
        <charset val="128"/>
      </rPr>
      <t>をつつしむ。</t>
    </r>
    <rPh sb="0" eb="2">
      <t>カイギ</t>
    </rPh>
    <phoneticPr fontId="1"/>
  </si>
  <si>
    <r>
      <rPr>
        <b/>
        <u/>
        <sz val="14"/>
        <color indexed="8"/>
        <rFont val="HGP教科書体"/>
        <family val="1"/>
        <charset val="128"/>
      </rPr>
      <t>ゼン</t>
    </r>
    <r>
      <rPr>
        <sz val="14"/>
        <color indexed="8"/>
        <rFont val="HGP教科書体"/>
        <family val="1"/>
        <charset val="128"/>
      </rPr>
      <t>は急げ。</t>
    </r>
    <rPh sb="3" eb="4">
      <t>イソ</t>
    </rPh>
    <phoneticPr fontId="1"/>
  </si>
  <si>
    <r>
      <rPr>
        <b/>
        <u/>
        <sz val="14"/>
        <color indexed="8"/>
        <rFont val="HGP教科書体"/>
        <family val="1"/>
        <charset val="128"/>
      </rPr>
      <t>ヨクジツ</t>
    </r>
    <r>
      <rPr>
        <sz val="14"/>
        <color indexed="8"/>
        <rFont val="HGP教科書体"/>
        <family val="1"/>
        <charset val="128"/>
      </rPr>
      <t>は晴れるでしょう。</t>
    </r>
    <rPh sb="5" eb="6">
      <t>ハ</t>
    </rPh>
    <phoneticPr fontId="1"/>
  </si>
  <si>
    <r>
      <rPr>
        <b/>
        <u/>
        <sz val="14"/>
        <color indexed="8"/>
        <rFont val="HGP教科書体"/>
        <family val="1"/>
        <charset val="128"/>
      </rPr>
      <t>ヘタ</t>
    </r>
    <r>
      <rPr>
        <sz val="14"/>
        <color indexed="8"/>
        <rFont val="HGP教科書体"/>
        <family val="1"/>
        <charset val="128"/>
      </rPr>
      <t>の横好き。</t>
    </r>
    <rPh sb="3" eb="5">
      <t>ヨコズ</t>
    </rPh>
    <phoneticPr fontId="1"/>
  </si>
  <si>
    <r>
      <t>わき出る</t>
    </r>
    <r>
      <rPr>
        <b/>
        <u/>
        <sz val="14"/>
        <color indexed="8"/>
        <rFont val="HGP教科書体"/>
        <family val="1"/>
        <charset val="128"/>
      </rPr>
      <t>シミズ</t>
    </r>
    <r>
      <rPr>
        <sz val="14"/>
        <color indexed="8"/>
        <rFont val="HGP教科書体"/>
        <family val="1"/>
        <charset val="128"/>
      </rPr>
      <t>を飲む。</t>
    </r>
    <rPh sb="2" eb="3">
      <t>デ</t>
    </rPh>
    <rPh sb="8" eb="9">
      <t>ノ</t>
    </rPh>
    <phoneticPr fontId="1"/>
  </si>
  <si>
    <r>
      <rPr>
        <b/>
        <u/>
        <sz val="14"/>
        <color indexed="8"/>
        <rFont val="HGP教科書体"/>
        <family val="1"/>
        <charset val="128"/>
      </rPr>
      <t>コンナン</t>
    </r>
    <r>
      <rPr>
        <sz val="14"/>
        <color indexed="8"/>
        <rFont val="HGP教科書体"/>
        <family val="1"/>
        <charset val="128"/>
      </rPr>
      <t>に立ち向かう。</t>
    </r>
    <rPh sb="5" eb="6">
      <t>タ</t>
    </rPh>
    <rPh sb="7" eb="8">
      <t>ム</t>
    </rPh>
    <phoneticPr fontId="1"/>
  </si>
  <si>
    <r>
      <t>本を</t>
    </r>
    <r>
      <rPr>
        <b/>
        <u/>
        <sz val="14"/>
        <color indexed="8"/>
        <rFont val="HGP教科書体"/>
        <family val="1"/>
        <charset val="128"/>
      </rPr>
      <t>ロウドク</t>
    </r>
    <r>
      <rPr>
        <sz val="14"/>
        <color indexed="8"/>
        <rFont val="HGP教科書体"/>
        <family val="1"/>
        <charset val="128"/>
      </rPr>
      <t>する。</t>
    </r>
    <rPh sb="0" eb="1">
      <t>ホン</t>
    </rPh>
    <phoneticPr fontId="1"/>
  </si>
  <si>
    <r>
      <t>野口英世を</t>
    </r>
    <r>
      <rPr>
        <b/>
        <u/>
        <sz val="14"/>
        <color indexed="8"/>
        <rFont val="HGP教科書体"/>
        <family val="1"/>
        <charset val="128"/>
      </rPr>
      <t>ソンケイ</t>
    </r>
    <r>
      <rPr>
        <sz val="14"/>
        <color indexed="8"/>
        <rFont val="HGP教科書体"/>
        <family val="1"/>
        <charset val="128"/>
      </rPr>
      <t>する。</t>
    </r>
    <rPh sb="0" eb="2">
      <t>ノグチ</t>
    </rPh>
    <rPh sb="2" eb="4">
      <t>ヒデヨ</t>
    </rPh>
    <phoneticPr fontId="1"/>
  </si>
  <si>
    <r>
      <t>古い切手を</t>
    </r>
    <r>
      <rPr>
        <b/>
        <u/>
        <sz val="14"/>
        <color indexed="8"/>
        <rFont val="HGP教科書体"/>
        <family val="1"/>
        <charset val="128"/>
      </rPr>
      <t>シュウシュウ</t>
    </r>
    <r>
      <rPr>
        <sz val="14"/>
        <color indexed="8"/>
        <rFont val="HGP教科書体"/>
        <family val="1"/>
        <charset val="128"/>
      </rPr>
      <t>する。</t>
    </r>
    <rPh sb="0" eb="1">
      <t>フル</t>
    </rPh>
    <rPh sb="2" eb="4">
      <t>キッテ</t>
    </rPh>
    <phoneticPr fontId="1"/>
  </si>
  <si>
    <r>
      <rPr>
        <b/>
        <u/>
        <sz val="14"/>
        <color indexed="8"/>
        <rFont val="HGP教科書体"/>
        <family val="1"/>
        <charset val="128"/>
      </rPr>
      <t>スイチョク</t>
    </r>
    <r>
      <rPr>
        <sz val="14"/>
        <color indexed="8"/>
        <rFont val="HGP教科書体"/>
        <family val="1"/>
        <charset val="128"/>
      </rPr>
      <t>に線を引く。</t>
    </r>
    <rPh sb="6" eb="7">
      <t>セン</t>
    </rPh>
    <rPh sb="8" eb="9">
      <t>ヒ</t>
    </rPh>
    <phoneticPr fontId="1"/>
  </si>
  <si>
    <r>
      <t>限りある</t>
    </r>
    <r>
      <rPr>
        <b/>
        <u/>
        <sz val="14"/>
        <color indexed="8"/>
        <rFont val="HGP教科書体"/>
        <family val="1"/>
        <charset val="128"/>
      </rPr>
      <t>シゲン</t>
    </r>
    <r>
      <rPr>
        <sz val="14"/>
        <color indexed="8"/>
        <rFont val="HGP教科書体"/>
        <family val="1"/>
        <charset val="128"/>
      </rPr>
      <t>を大切に。</t>
    </r>
    <rPh sb="0" eb="1">
      <t>カギ</t>
    </rPh>
    <rPh sb="8" eb="10">
      <t>タイセツ</t>
    </rPh>
    <phoneticPr fontId="1"/>
  </si>
  <si>
    <r>
      <t>逆転ホームランに</t>
    </r>
    <r>
      <rPr>
        <b/>
        <u/>
        <sz val="14"/>
        <color indexed="8"/>
        <rFont val="HGP教科書体"/>
        <family val="1"/>
        <charset val="128"/>
      </rPr>
      <t>コウフン</t>
    </r>
    <r>
      <rPr>
        <sz val="14"/>
        <color indexed="8"/>
        <rFont val="HGP教科書体"/>
        <family val="1"/>
        <charset val="128"/>
      </rPr>
      <t>する。</t>
    </r>
    <rPh sb="0" eb="2">
      <t>ギャクテン</t>
    </rPh>
    <phoneticPr fontId="1"/>
  </si>
  <si>
    <r>
      <t>他国と</t>
    </r>
    <r>
      <rPr>
        <b/>
        <u/>
        <sz val="14"/>
        <color indexed="8"/>
        <rFont val="HGP教科書体"/>
        <family val="1"/>
        <charset val="128"/>
      </rPr>
      <t>ドウメイ</t>
    </r>
    <r>
      <rPr>
        <sz val="14"/>
        <color indexed="8"/>
        <rFont val="HGP教科書体"/>
        <family val="1"/>
        <charset val="128"/>
      </rPr>
      <t>を組む。</t>
    </r>
    <rPh sb="0" eb="2">
      <t>タコク</t>
    </rPh>
    <rPh sb="8" eb="9">
      <t>ク</t>
    </rPh>
    <phoneticPr fontId="1"/>
  </si>
  <si>
    <r>
      <rPr>
        <b/>
        <u/>
        <sz val="14"/>
        <color indexed="8"/>
        <rFont val="HGP教科書体"/>
        <family val="1"/>
        <charset val="128"/>
      </rPr>
      <t>イッスン</t>
    </r>
    <r>
      <rPr>
        <sz val="14"/>
        <color indexed="8"/>
        <rFont val="HGP教科書体"/>
        <family val="1"/>
        <charset val="128"/>
      </rPr>
      <t>先はやみ。</t>
    </r>
    <rPh sb="4" eb="5">
      <t>サキ</t>
    </rPh>
    <phoneticPr fontId="1"/>
  </si>
  <si>
    <r>
      <rPr>
        <b/>
        <u/>
        <sz val="14"/>
        <color indexed="8"/>
        <rFont val="HGP教科書体"/>
        <family val="1"/>
        <charset val="128"/>
      </rPr>
      <t>コウテツ</t>
    </r>
    <r>
      <rPr>
        <sz val="14"/>
        <color indexed="8"/>
        <rFont val="HGP教科書体"/>
        <family val="1"/>
        <charset val="128"/>
      </rPr>
      <t>で造られたビル。</t>
    </r>
    <rPh sb="5" eb="6">
      <t>ツク</t>
    </rPh>
    <phoneticPr fontId="1"/>
  </si>
  <si>
    <r>
      <t>数々の</t>
    </r>
    <r>
      <rPr>
        <b/>
        <u/>
        <sz val="14"/>
        <color indexed="8"/>
        <rFont val="HGP教科書体"/>
        <family val="1"/>
        <charset val="128"/>
      </rPr>
      <t>ショウガイ</t>
    </r>
    <r>
      <rPr>
        <sz val="14"/>
        <color indexed="8"/>
        <rFont val="HGP教科書体"/>
        <family val="1"/>
        <charset val="128"/>
      </rPr>
      <t>を乗りこえる。</t>
    </r>
    <rPh sb="0" eb="2">
      <t>カズカズ</t>
    </rPh>
    <rPh sb="9" eb="10">
      <t>ノ</t>
    </rPh>
    <phoneticPr fontId="1"/>
  </si>
  <si>
    <r>
      <rPr>
        <b/>
        <u/>
        <sz val="14"/>
        <color indexed="8"/>
        <rFont val="HGP教科書体"/>
        <family val="1"/>
        <charset val="128"/>
      </rPr>
      <t>ドウソウカイ</t>
    </r>
    <r>
      <rPr>
        <sz val="14"/>
        <color indexed="8"/>
        <rFont val="HGP教科書体"/>
        <family val="1"/>
        <charset val="128"/>
      </rPr>
      <t>を開く。</t>
    </r>
    <rPh sb="7" eb="8">
      <t>ヒラ</t>
    </rPh>
    <phoneticPr fontId="1"/>
  </si>
  <si>
    <r>
      <t>空が夕日で赤く</t>
    </r>
    <r>
      <rPr>
        <b/>
        <u/>
        <sz val="14"/>
        <color indexed="8"/>
        <rFont val="HGP教科書体"/>
        <family val="1"/>
        <charset val="128"/>
      </rPr>
      <t>ソ</t>
    </r>
    <r>
      <rPr>
        <sz val="14"/>
        <color indexed="8"/>
        <rFont val="HGP教科書体"/>
        <family val="1"/>
        <charset val="128"/>
      </rPr>
      <t>まる。</t>
    </r>
    <rPh sb="0" eb="1">
      <t>ソラ</t>
    </rPh>
    <rPh sb="2" eb="4">
      <t>ユウヒ</t>
    </rPh>
    <rPh sb="5" eb="6">
      <t>アカ</t>
    </rPh>
    <phoneticPr fontId="1"/>
  </si>
  <si>
    <r>
      <t>大きな</t>
    </r>
    <r>
      <rPr>
        <b/>
        <u/>
        <sz val="14"/>
        <color indexed="8"/>
        <rFont val="HGP教科書体"/>
        <family val="1"/>
        <charset val="128"/>
      </rPr>
      <t>カンバン</t>
    </r>
    <r>
      <rPr>
        <sz val="14"/>
        <color indexed="8"/>
        <rFont val="HGP教科書体"/>
        <family val="1"/>
        <charset val="128"/>
      </rPr>
      <t>を見上げる。</t>
    </r>
    <rPh sb="0" eb="1">
      <t>オオ</t>
    </rPh>
    <rPh sb="8" eb="10">
      <t>ミア</t>
    </rPh>
    <phoneticPr fontId="1"/>
  </si>
  <si>
    <r>
      <rPr>
        <b/>
        <u/>
        <sz val="14"/>
        <color indexed="8"/>
        <rFont val="HGP教科書体"/>
        <family val="1"/>
        <charset val="128"/>
      </rPr>
      <t>ハゲ</t>
    </r>
    <r>
      <rPr>
        <sz val="14"/>
        <color indexed="8"/>
        <rFont val="HGP教科書体"/>
        <family val="1"/>
        <charset val="128"/>
      </rPr>
      <t>しい雨でびしょびしょだ。</t>
    </r>
    <rPh sb="4" eb="5">
      <t>アメ</t>
    </rPh>
    <phoneticPr fontId="1"/>
  </si>
  <si>
    <r>
      <rPr>
        <b/>
        <u/>
        <sz val="14"/>
        <color indexed="8"/>
        <rFont val="HGP教科書体"/>
        <family val="1"/>
        <charset val="128"/>
      </rPr>
      <t>イチマイ</t>
    </r>
    <r>
      <rPr>
        <sz val="14"/>
        <color indexed="8"/>
        <rFont val="HGP教科書体"/>
        <family val="1"/>
        <charset val="128"/>
      </rPr>
      <t>の絵。</t>
    </r>
    <rPh sb="5" eb="6">
      <t>エ</t>
    </rPh>
    <phoneticPr fontId="1"/>
  </si>
  <si>
    <r>
      <rPr>
        <b/>
        <u/>
        <sz val="14"/>
        <color indexed="8"/>
        <rFont val="HGP教科書体"/>
        <family val="1"/>
        <charset val="128"/>
      </rPr>
      <t>キヌ</t>
    </r>
    <r>
      <rPr>
        <sz val="14"/>
        <color indexed="8"/>
        <rFont val="HGP教科書体"/>
        <family val="1"/>
        <charset val="128"/>
      </rPr>
      <t>のスカーフ。</t>
    </r>
    <phoneticPr fontId="1"/>
  </si>
  <si>
    <r>
      <t>切り</t>
    </r>
    <r>
      <rPr>
        <b/>
        <u/>
        <sz val="14"/>
        <color indexed="8"/>
        <rFont val="HGP教科書体"/>
        <family val="1"/>
        <charset val="128"/>
      </rPr>
      <t>カブ</t>
    </r>
    <r>
      <rPr>
        <sz val="14"/>
        <color indexed="8"/>
        <rFont val="HGP教科書体"/>
        <family val="1"/>
        <charset val="128"/>
      </rPr>
      <t>につまずく。</t>
    </r>
    <rPh sb="0" eb="1">
      <t>キ</t>
    </rPh>
    <phoneticPr fontId="1"/>
  </si>
  <si>
    <r>
      <t>日本国</t>
    </r>
    <r>
      <rPr>
        <b/>
        <u/>
        <sz val="14"/>
        <color indexed="8"/>
        <rFont val="HGP教科書体"/>
        <family val="1"/>
        <charset val="128"/>
      </rPr>
      <t>ケンポウ</t>
    </r>
    <r>
      <rPr>
        <sz val="14"/>
        <color indexed="8"/>
        <rFont val="HGP教科書体"/>
        <family val="1"/>
        <charset val="128"/>
      </rPr>
      <t>。</t>
    </r>
    <rPh sb="0" eb="3">
      <t>ニホンコク</t>
    </rPh>
    <phoneticPr fontId="1"/>
  </si>
  <si>
    <r>
      <t>商店が</t>
    </r>
    <r>
      <rPr>
        <b/>
        <u/>
        <sz val="14"/>
        <color indexed="8"/>
        <rFont val="HGP教科書体"/>
        <family val="1"/>
        <charset val="128"/>
      </rPr>
      <t>リンジ</t>
    </r>
    <r>
      <rPr>
        <sz val="14"/>
        <color indexed="8"/>
        <rFont val="HGP教科書体"/>
        <family val="1"/>
        <charset val="128"/>
      </rPr>
      <t>休業になる。</t>
    </r>
    <rPh sb="0" eb="2">
      <t>ショウテン</t>
    </rPh>
    <rPh sb="6" eb="8">
      <t>キュウギョウ</t>
    </rPh>
    <phoneticPr fontId="1"/>
  </si>
  <si>
    <r>
      <t>今日は弟の</t>
    </r>
    <r>
      <rPr>
        <b/>
        <u/>
        <sz val="14"/>
        <color indexed="8"/>
        <rFont val="HGP教科書体"/>
        <family val="1"/>
        <charset val="128"/>
      </rPr>
      <t>タンジョウビ</t>
    </r>
    <r>
      <rPr>
        <sz val="14"/>
        <color indexed="8"/>
        <rFont val="HGP教科書体"/>
        <family val="1"/>
        <charset val="128"/>
      </rPr>
      <t>だ。</t>
    </r>
    <rPh sb="0" eb="2">
      <t>キョウ</t>
    </rPh>
    <rPh sb="3" eb="4">
      <t>オトウト</t>
    </rPh>
    <phoneticPr fontId="1"/>
  </si>
  <si>
    <r>
      <rPr>
        <b/>
        <u/>
        <sz val="14"/>
        <color indexed="8"/>
        <rFont val="HGP教科書体"/>
        <family val="1"/>
        <charset val="128"/>
      </rPr>
      <t>ハイカツリョウ</t>
    </r>
    <r>
      <rPr>
        <sz val="14"/>
        <color indexed="8"/>
        <rFont val="HGP教科書体"/>
        <family val="1"/>
        <charset val="128"/>
      </rPr>
      <t>の多い人。</t>
    </r>
    <rPh sb="8" eb="9">
      <t>オオ</t>
    </rPh>
    <rPh sb="10" eb="11">
      <t>ヒト</t>
    </rPh>
    <phoneticPr fontId="1"/>
  </si>
  <si>
    <r>
      <t>地球は</t>
    </r>
    <r>
      <rPr>
        <b/>
        <u/>
        <sz val="14"/>
        <color indexed="8"/>
        <rFont val="HGP教科書体"/>
        <family val="1"/>
        <charset val="128"/>
      </rPr>
      <t>タイヨウケイ</t>
    </r>
    <r>
      <rPr>
        <sz val="14"/>
        <color indexed="8"/>
        <rFont val="HGP教科書体"/>
        <family val="1"/>
        <charset val="128"/>
      </rPr>
      <t>の星だ。</t>
    </r>
    <rPh sb="0" eb="2">
      <t>チキュウ</t>
    </rPh>
    <rPh sb="10" eb="11">
      <t>ホシ</t>
    </rPh>
    <phoneticPr fontId="1"/>
  </si>
  <si>
    <r>
      <rPr>
        <b/>
        <u/>
        <sz val="14"/>
        <color indexed="8"/>
        <rFont val="HGP教科書体"/>
        <family val="1"/>
        <charset val="128"/>
      </rPr>
      <t>ハラ</t>
    </r>
    <r>
      <rPr>
        <sz val="14"/>
        <color indexed="8"/>
        <rFont val="HGP教科書体"/>
        <family val="1"/>
        <charset val="128"/>
      </rPr>
      <t>の底から笑う。</t>
    </r>
    <rPh sb="3" eb="4">
      <t>ソコ</t>
    </rPh>
    <rPh sb="6" eb="7">
      <t>ワラ</t>
    </rPh>
    <phoneticPr fontId="1"/>
  </si>
  <si>
    <r>
      <t>人手不足の</t>
    </r>
    <r>
      <rPr>
        <b/>
        <u/>
        <sz val="14"/>
        <color indexed="8"/>
        <rFont val="HGP教科書体"/>
        <family val="1"/>
        <charset val="128"/>
      </rPr>
      <t>タイサク</t>
    </r>
    <r>
      <rPr>
        <sz val="14"/>
        <color indexed="8"/>
        <rFont val="HGP教科書体"/>
        <family val="1"/>
        <charset val="128"/>
      </rPr>
      <t>をたてる。</t>
    </r>
    <rPh sb="0" eb="2">
      <t>ヒトデ</t>
    </rPh>
    <rPh sb="2" eb="4">
      <t>ブソク</t>
    </rPh>
    <phoneticPr fontId="1"/>
  </si>
  <si>
    <r>
      <t>的に向けて矢を</t>
    </r>
    <r>
      <rPr>
        <b/>
        <u/>
        <sz val="14"/>
        <color indexed="8"/>
        <rFont val="HGP教科書体"/>
        <family val="1"/>
        <charset val="128"/>
      </rPr>
      <t>イ</t>
    </r>
    <r>
      <rPr>
        <sz val="14"/>
        <color indexed="8"/>
        <rFont val="HGP教科書体"/>
        <family val="1"/>
        <charset val="128"/>
      </rPr>
      <t>る。</t>
    </r>
    <rPh sb="0" eb="1">
      <t>マト</t>
    </rPh>
    <rPh sb="2" eb="3">
      <t>ム</t>
    </rPh>
    <rPh sb="5" eb="6">
      <t>ヤ</t>
    </rPh>
    <phoneticPr fontId="1"/>
  </si>
  <si>
    <r>
      <rPr>
        <b/>
        <u/>
        <sz val="14"/>
        <color indexed="8"/>
        <rFont val="HGP教科書体"/>
        <family val="1"/>
        <charset val="128"/>
      </rPr>
      <t>チョメイ</t>
    </r>
    <r>
      <rPr>
        <sz val="14"/>
        <color indexed="8"/>
        <rFont val="HGP教科書体"/>
        <family val="1"/>
        <charset val="128"/>
      </rPr>
      <t>な芸術家。</t>
    </r>
    <rPh sb="5" eb="8">
      <t>ゲイジュツカ</t>
    </rPh>
    <phoneticPr fontId="1"/>
  </si>
  <si>
    <r>
      <t>児童会の活動</t>
    </r>
    <r>
      <rPr>
        <b/>
        <u/>
        <sz val="14"/>
        <color indexed="8"/>
        <rFont val="HGP教科書体"/>
        <family val="1"/>
        <charset val="128"/>
      </rPr>
      <t>ホウシン</t>
    </r>
    <r>
      <rPr>
        <sz val="14"/>
        <color indexed="8"/>
        <rFont val="HGP教科書体"/>
        <family val="1"/>
        <charset val="128"/>
      </rPr>
      <t>を決める。</t>
    </r>
    <rPh sb="0" eb="3">
      <t>ジドウカイ</t>
    </rPh>
    <rPh sb="4" eb="6">
      <t>カツドウ</t>
    </rPh>
    <rPh sb="11" eb="12">
      <t>キ</t>
    </rPh>
    <phoneticPr fontId="1"/>
  </si>
  <si>
    <r>
      <t>平和への</t>
    </r>
    <r>
      <rPr>
        <b/>
        <u/>
        <sz val="14"/>
        <color indexed="8"/>
        <rFont val="HGP教科書体"/>
        <family val="1"/>
        <charset val="128"/>
      </rPr>
      <t>ショメイ</t>
    </r>
    <r>
      <rPr>
        <sz val="14"/>
        <color indexed="8"/>
        <rFont val="HGP教科書体"/>
        <family val="1"/>
        <charset val="128"/>
      </rPr>
      <t>運動をする。</t>
    </r>
    <rPh sb="0" eb="2">
      <t>ヘイワ</t>
    </rPh>
    <rPh sb="8" eb="10">
      <t>ウンドウ</t>
    </rPh>
    <phoneticPr fontId="1"/>
  </si>
  <si>
    <r>
      <t>会社に</t>
    </r>
    <r>
      <rPr>
        <b/>
        <u/>
        <sz val="14"/>
        <color indexed="8"/>
        <rFont val="HGP教科書体"/>
        <family val="1"/>
        <charset val="128"/>
      </rPr>
      <t>ツト</t>
    </r>
    <r>
      <rPr>
        <sz val="14"/>
        <color indexed="8"/>
        <rFont val="HGP教科書体"/>
        <family val="1"/>
        <charset val="128"/>
      </rPr>
      <t>める。</t>
    </r>
    <rPh sb="0" eb="2">
      <t>カイシャ</t>
    </rPh>
    <phoneticPr fontId="1"/>
  </si>
  <si>
    <r>
      <rPr>
        <b/>
        <u/>
        <sz val="14"/>
        <color indexed="8"/>
        <rFont val="HGP教科書体"/>
        <family val="1"/>
        <charset val="128"/>
      </rPr>
      <t>ワレ</t>
    </r>
    <r>
      <rPr>
        <sz val="14"/>
        <color indexed="8"/>
        <rFont val="HGP教科書体"/>
        <family val="1"/>
        <charset val="128"/>
      </rPr>
      <t>に返る。</t>
    </r>
    <rPh sb="3" eb="4">
      <t>カエ</t>
    </rPh>
    <phoneticPr fontId="1"/>
  </si>
  <si>
    <r>
      <t>罪を</t>
    </r>
    <r>
      <rPr>
        <b/>
        <u/>
        <sz val="14"/>
        <color indexed="8"/>
        <rFont val="HGP教科書体"/>
        <family val="1"/>
        <charset val="128"/>
      </rPr>
      <t>サバ</t>
    </r>
    <r>
      <rPr>
        <sz val="14"/>
        <color indexed="8"/>
        <rFont val="HGP教科書体"/>
        <family val="1"/>
        <charset val="128"/>
      </rPr>
      <t>く。</t>
    </r>
    <rPh sb="0" eb="1">
      <t>ツミ</t>
    </rPh>
    <phoneticPr fontId="1"/>
  </si>
  <si>
    <r>
      <rPr>
        <b/>
        <u/>
        <sz val="14"/>
        <color indexed="8"/>
        <rFont val="HGP教科書体"/>
        <family val="1"/>
        <charset val="128"/>
      </rPr>
      <t>ハイク</t>
    </r>
    <r>
      <rPr>
        <sz val="14"/>
        <color indexed="8"/>
        <rFont val="HGP教科書体"/>
        <family val="1"/>
        <charset val="128"/>
      </rPr>
      <t>をよむ。</t>
    </r>
    <phoneticPr fontId="1"/>
  </si>
  <si>
    <r>
      <t>読む</t>
    </r>
    <r>
      <rPr>
        <b/>
        <u/>
        <sz val="14"/>
        <color indexed="8"/>
        <rFont val="HGP教科書体"/>
        <family val="1"/>
        <charset val="128"/>
      </rPr>
      <t>カチ</t>
    </r>
    <r>
      <rPr>
        <sz val="14"/>
        <color indexed="8"/>
        <rFont val="HGP教科書体"/>
        <family val="1"/>
        <charset val="128"/>
      </rPr>
      <t>のある本。</t>
    </r>
    <rPh sb="0" eb="1">
      <t>ヨ</t>
    </rPh>
    <rPh sb="7" eb="8">
      <t>ホン</t>
    </rPh>
    <phoneticPr fontId="1"/>
  </si>
  <si>
    <r>
      <t>目的地に</t>
    </r>
    <r>
      <rPr>
        <b/>
        <u/>
        <sz val="14"/>
        <color indexed="8"/>
        <rFont val="HGP教科書体"/>
        <family val="1"/>
        <charset val="128"/>
      </rPr>
      <t>イタ</t>
    </r>
    <r>
      <rPr>
        <sz val="14"/>
        <color indexed="8"/>
        <rFont val="HGP教科書体"/>
        <family val="1"/>
        <charset val="128"/>
      </rPr>
      <t>る。</t>
    </r>
    <rPh sb="0" eb="3">
      <t>モクテキチ</t>
    </rPh>
    <phoneticPr fontId="1"/>
  </si>
  <si>
    <r>
      <rPr>
        <b/>
        <u/>
        <sz val="14"/>
        <color indexed="8"/>
        <rFont val="HGP教科書体"/>
        <family val="1"/>
        <charset val="128"/>
      </rPr>
      <t>ケンリ</t>
    </r>
    <r>
      <rPr>
        <sz val="14"/>
        <color indexed="8"/>
        <rFont val="HGP教科書体"/>
        <family val="1"/>
        <charset val="128"/>
      </rPr>
      <t>を主張する。</t>
    </r>
    <rPh sb="4" eb="6">
      <t>シュチョウ</t>
    </rPh>
    <phoneticPr fontId="1"/>
  </si>
  <si>
    <r>
      <t>写真を</t>
    </r>
    <r>
      <rPr>
        <b/>
        <u/>
        <sz val="14"/>
        <color indexed="8"/>
        <rFont val="HGP教科書体"/>
        <family val="1"/>
        <charset val="128"/>
      </rPr>
      <t>カクダイ</t>
    </r>
    <r>
      <rPr>
        <sz val="14"/>
        <color indexed="8"/>
        <rFont val="HGP教科書体"/>
        <family val="1"/>
        <charset val="128"/>
      </rPr>
      <t>する。</t>
    </r>
    <rPh sb="0" eb="2">
      <t>シャシン</t>
    </rPh>
    <phoneticPr fontId="1"/>
  </si>
  <si>
    <r>
      <t>医は</t>
    </r>
    <r>
      <rPr>
        <b/>
        <u/>
        <sz val="14"/>
        <color indexed="8"/>
        <rFont val="HGP教科書体"/>
        <family val="1"/>
        <charset val="128"/>
      </rPr>
      <t>ジンジュツ</t>
    </r>
    <r>
      <rPr>
        <sz val="14"/>
        <color indexed="8"/>
        <rFont val="HGP教科書体"/>
        <family val="1"/>
        <charset val="128"/>
      </rPr>
      <t>なり。</t>
    </r>
    <rPh sb="0" eb="1">
      <t>イ</t>
    </rPh>
    <phoneticPr fontId="1"/>
  </si>
  <si>
    <r>
      <t>大安売りの</t>
    </r>
    <r>
      <rPr>
        <b/>
        <u/>
        <sz val="14"/>
        <color indexed="8"/>
        <rFont val="HGP教科書体"/>
        <family val="1"/>
        <charset val="128"/>
      </rPr>
      <t>センデン</t>
    </r>
    <r>
      <rPr>
        <sz val="14"/>
        <color indexed="8"/>
        <rFont val="HGP教科書体"/>
        <family val="1"/>
        <charset val="128"/>
      </rPr>
      <t>をする。</t>
    </r>
    <rPh sb="0" eb="3">
      <t>オオヤスウ</t>
    </rPh>
    <phoneticPr fontId="1"/>
  </si>
  <si>
    <r>
      <t>そう大な</t>
    </r>
    <r>
      <rPr>
        <b/>
        <u/>
        <sz val="14"/>
        <color indexed="8"/>
        <rFont val="HGP教科書体"/>
        <family val="1"/>
        <charset val="128"/>
      </rPr>
      <t>キボ</t>
    </r>
    <r>
      <rPr>
        <sz val="14"/>
        <color indexed="8"/>
        <rFont val="HGP教科書体"/>
        <family val="1"/>
        <charset val="128"/>
      </rPr>
      <t>の計画。</t>
    </r>
    <rPh sb="2" eb="3">
      <t>ダイ</t>
    </rPh>
    <rPh sb="7" eb="9">
      <t>ケイカク</t>
    </rPh>
    <phoneticPr fontId="1"/>
  </si>
  <si>
    <r>
      <t>栄養を</t>
    </r>
    <r>
      <rPr>
        <b/>
        <u/>
        <sz val="14"/>
        <color indexed="8"/>
        <rFont val="HGP教科書体"/>
        <family val="1"/>
        <charset val="128"/>
      </rPr>
      <t>オギナ</t>
    </r>
    <r>
      <rPr>
        <sz val="14"/>
        <color indexed="8"/>
        <rFont val="HGP教科書体"/>
        <family val="1"/>
        <charset val="128"/>
      </rPr>
      <t>う。</t>
    </r>
    <rPh sb="0" eb="2">
      <t>エイヨウ</t>
    </rPh>
    <phoneticPr fontId="1"/>
  </si>
  <si>
    <r>
      <t>青い目は父親からの</t>
    </r>
    <r>
      <rPr>
        <b/>
        <u/>
        <sz val="14"/>
        <color indexed="8"/>
        <rFont val="HGP教科書体"/>
        <family val="1"/>
        <charset val="128"/>
      </rPr>
      <t>イデン</t>
    </r>
    <r>
      <rPr>
        <sz val="14"/>
        <color indexed="8"/>
        <rFont val="HGP教科書体"/>
        <family val="1"/>
        <charset val="128"/>
      </rPr>
      <t>だ。</t>
    </r>
    <rPh sb="0" eb="1">
      <t>アオ</t>
    </rPh>
    <rPh sb="2" eb="3">
      <t>メ</t>
    </rPh>
    <rPh sb="4" eb="6">
      <t>チチオヤ</t>
    </rPh>
    <phoneticPr fontId="1"/>
  </si>
  <si>
    <r>
      <t>歯が</t>
    </r>
    <r>
      <rPr>
        <b/>
        <u/>
        <sz val="14"/>
        <color indexed="8"/>
        <rFont val="HGP教科書体"/>
        <family val="1"/>
        <charset val="128"/>
      </rPr>
      <t>イタ</t>
    </r>
    <r>
      <rPr>
        <sz val="14"/>
        <color indexed="8"/>
        <rFont val="HGP教科書体"/>
        <family val="1"/>
        <charset val="128"/>
      </rPr>
      <t>い。</t>
    </r>
    <rPh sb="0" eb="1">
      <t>ハ</t>
    </rPh>
    <phoneticPr fontId="1"/>
  </si>
  <si>
    <r>
      <t>コンサートは</t>
    </r>
    <r>
      <rPr>
        <b/>
        <u/>
        <sz val="14"/>
        <color indexed="8"/>
        <rFont val="HGP教科書体"/>
        <family val="1"/>
        <charset val="128"/>
      </rPr>
      <t>モ</t>
    </r>
    <r>
      <rPr>
        <sz val="14"/>
        <color indexed="8"/>
        <rFont val="HGP教科書体"/>
        <family val="1"/>
        <charset val="128"/>
      </rPr>
      <t>り上がった。</t>
    </r>
    <rPh sb="8" eb="9">
      <t>ア</t>
    </rPh>
    <phoneticPr fontId="1"/>
  </si>
  <si>
    <r>
      <t>大事件に</t>
    </r>
    <r>
      <rPr>
        <b/>
        <u/>
        <sz val="14"/>
        <color indexed="8"/>
        <rFont val="HGP教科書体"/>
        <family val="1"/>
        <charset val="128"/>
      </rPr>
      <t>ハッテン</t>
    </r>
    <r>
      <rPr>
        <sz val="14"/>
        <color indexed="8"/>
        <rFont val="HGP教科書体"/>
        <family val="1"/>
        <charset val="128"/>
      </rPr>
      <t>する。</t>
    </r>
    <rPh sb="0" eb="3">
      <t>ダイジケン</t>
    </rPh>
    <phoneticPr fontId="1"/>
  </si>
  <si>
    <r>
      <rPr>
        <b/>
        <u/>
        <sz val="14"/>
        <color indexed="8"/>
        <rFont val="HGP教科書体"/>
        <family val="1"/>
        <charset val="128"/>
      </rPr>
      <t>コクモツ</t>
    </r>
    <r>
      <rPr>
        <sz val="14"/>
        <color indexed="8"/>
        <rFont val="HGP教科書体"/>
        <family val="1"/>
        <charset val="128"/>
      </rPr>
      <t>を輸入する。</t>
    </r>
    <rPh sb="5" eb="7">
      <t>ユニュウ</t>
    </rPh>
    <phoneticPr fontId="1"/>
  </si>
  <si>
    <r>
      <rPr>
        <b/>
        <u/>
        <sz val="14"/>
        <color indexed="8"/>
        <rFont val="HGP教科書体"/>
        <family val="1"/>
        <charset val="128"/>
      </rPr>
      <t>タテガ</t>
    </r>
    <r>
      <rPr>
        <sz val="14"/>
        <color indexed="8"/>
        <rFont val="HGP教科書体"/>
        <family val="1"/>
        <charset val="128"/>
      </rPr>
      <t>きの原こう用紙を使う。</t>
    </r>
    <rPh sb="5" eb="6">
      <t>ゲン</t>
    </rPh>
    <rPh sb="8" eb="10">
      <t>ヨウシ</t>
    </rPh>
    <rPh sb="11" eb="12">
      <t>ツカ</t>
    </rPh>
    <phoneticPr fontId="1"/>
  </si>
  <si>
    <r>
      <rPr>
        <b/>
        <u/>
        <sz val="14"/>
        <color indexed="8"/>
        <rFont val="HGP教科書体"/>
        <family val="1"/>
        <charset val="128"/>
      </rPr>
      <t>ツウキン</t>
    </r>
    <r>
      <rPr>
        <sz val="14"/>
        <color indexed="8"/>
        <rFont val="HGP教科書体"/>
        <family val="1"/>
        <charset val="128"/>
      </rPr>
      <t>時間が長い。</t>
    </r>
    <rPh sb="4" eb="6">
      <t>ジカン</t>
    </rPh>
    <rPh sb="7" eb="8">
      <t>ナガ</t>
    </rPh>
    <phoneticPr fontId="1"/>
  </si>
  <si>
    <r>
      <rPr>
        <b/>
        <u/>
        <sz val="14"/>
        <color indexed="8"/>
        <rFont val="HGP教科書体"/>
        <family val="1"/>
        <charset val="128"/>
      </rPr>
      <t>カイダン</t>
    </r>
    <r>
      <rPr>
        <sz val="14"/>
        <color indexed="8"/>
        <rFont val="HGP教科書体"/>
        <family val="1"/>
        <charset val="128"/>
      </rPr>
      <t>をふみ外す。</t>
    </r>
    <rPh sb="7" eb="8">
      <t>ハズ</t>
    </rPh>
    <phoneticPr fontId="1"/>
  </si>
  <si>
    <r>
      <t>寄らば</t>
    </r>
    <r>
      <rPr>
        <b/>
        <u/>
        <sz val="14"/>
        <color indexed="8"/>
        <rFont val="HGP教科書体"/>
        <family val="1"/>
        <charset val="128"/>
      </rPr>
      <t>タイジュ</t>
    </r>
    <r>
      <rPr>
        <sz val="14"/>
        <color indexed="8"/>
        <rFont val="HGP教科書体"/>
        <family val="1"/>
        <charset val="128"/>
      </rPr>
      <t>のかげ。</t>
    </r>
    <rPh sb="0" eb="1">
      <t>ヨ</t>
    </rPh>
    <phoneticPr fontId="1"/>
  </si>
  <si>
    <r>
      <t>板に</t>
    </r>
    <r>
      <rPr>
        <b/>
        <u/>
        <sz val="14"/>
        <color indexed="8"/>
        <rFont val="HGP教科書体"/>
        <family val="1"/>
        <charset val="128"/>
      </rPr>
      <t>アナ</t>
    </r>
    <r>
      <rPr>
        <sz val="14"/>
        <color indexed="8"/>
        <rFont val="HGP教科書体"/>
        <family val="1"/>
        <charset val="128"/>
      </rPr>
      <t>を開ける。</t>
    </r>
    <rPh sb="0" eb="1">
      <t>イタ</t>
    </rPh>
    <rPh sb="5" eb="6">
      <t>ア</t>
    </rPh>
    <phoneticPr fontId="1"/>
  </si>
  <si>
    <r>
      <rPr>
        <b/>
        <u/>
        <sz val="14"/>
        <color indexed="8"/>
        <rFont val="HGP教科書体"/>
        <family val="1"/>
        <charset val="128"/>
      </rPr>
      <t>シリョク</t>
    </r>
    <r>
      <rPr>
        <sz val="14"/>
        <color indexed="8"/>
        <rFont val="HGP教科書体"/>
        <family val="1"/>
        <charset val="128"/>
      </rPr>
      <t>検査を行う。</t>
    </r>
    <rPh sb="4" eb="6">
      <t>ケンサ</t>
    </rPh>
    <rPh sb="7" eb="8">
      <t>オコナ</t>
    </rPh>
    <phoneticPr fontId="1"/>
  </si>
  <si>
    <r>
      <rPr>
        <b/>
        <u/>
        <sz val="14"/>
        <color indexed="8"/>
        <rFont val="HGP教科書体"/>
        <family val="1"/>
        <charset val="128"/>
      </rPr>
      <t>ツクエ</t>
    </r>
    <r>
      <rPr>
        <sz val="14"/>
        <color indexed="8"/>
        <rFont val="HGP教科書体"/>
        <family val="1"/>
        <charset val="128"/>
      </rPr>
      <t>を運ぶ。</t>
    </r>
    <rPh sb="4" eb="5">
      <t>ハコ</t>
    </rPh>
    <phoneticPr fontId="1"/>
  </si>
  <si>
    <r>
      <rPr>
        <b/>
        <u/>
        <sz val="14"/>
        <color indexed="8"/>
        <rFont val="HGP教科書体"/>
        <family val="1"/>
        <charset val="128"/>
      </rPr>
      <t>ワカモノ</t>
    </r>
    <r>
      <rPr>
        <sz val="14"/>
        <color indexed="8"/>
        <rFont val="HGP教科書体"/>
        <family val="1"/>
        <charset val="128"/>
      </rPr>
      <t>の集まり。</t>
    </r>
    <rPh sb="5" eb="6">
      <t>アツ</t>
    </rPh>
    <phoneticPr fontId="1"/>
  </si>
  <si>
    <r>
      <t>友人に</t>
    </r>
    <r>
      <rPr>
        <b/>
        <u/>
        <sz val="14"/>
        <color indexed="8"/>
        <rFont val="HGP教科書体"/>
        <family val="1"/>
        <charset val="128"/>
      </rPr>
      <t>チュウコク</t>
    </r>
    <r>
      <rPr>
        <sz val="14"/>
        <color indexed="8"/>
        <rFont val="HGP教科書体"/>
        <family val="1"/>
        <charset val="128"/>
      </rPr>
      <t>する。</t>
    </r>
    <rPh sb="0" eb="2">
      <t>ユウジン</t>
    </rPh>
    <phoneticPr fontId="1"/>
  </si>
  <si>
    <r>
      <t>周りから</t>
    </r>
    <r>
      <rPr>
        <b/>
        <u/>
        <sz val="14"/>
        <color indexed="8"/>
        <rFont val="HGP教科書体"/>
        <family val="1"/>
        <charset val="128"/>
      </rPr>
      <t>ヒハン</t>
    </r>
    <r>
      <rPr>
        <sz val="14"/>
        <color indexed="8"/>
        <rFont val="HGP教科書体"/>
        <family val="1"/>
        <charset val="128"/>
      </rPr>
      <t>を浴びる。</t>
    </r>
    <rPh sb="0" eb="1">
      <t>マワ</t>
    </rPh>
    <rPh sb="8" eb="9">
      <t>ア</t>
    </rPh>
    <phoneticPr fontId="1"/>
  </si>
  <si>
    <r>
      <t>スイカを</t>
    </r>
    <r>
      <rPr>
        <b/>
        <u/>
        <sz val="14"/>
        <color indexed="8"/>
        <rFont val="HGP教科書体"/>
        <family val="1"/>
        <charset val="128"/>
      </rPr>
      <t>レイゾウコ</t>
    </r>
    <r>
      <rPr>
        <sz val="14"/>
        <color indexed="8"/>
        <rFont val="HGP教科書体"/>
        <family val="1"/>
        <charset val="128"/>
      </rPr>
      <t>に入れる。</t>
    </r>
    <rPh sb="10" eb="11">
      <t>イ</t>
    </rPh>
    <phoneticPr fontId="1"/>
  </si>
  <si>
    <r>
      <t>合否判定の</t>
    </r>
    <r>
      <rPr>
        <b/>
        <u/>
        <sz val="14"/>
        <color indexed="8"/>
        <rFont val="HGP教科書体"/>
        <family val="1"/>
        <charset val="128"/>
      </rPr>
      <t>シャクド</t>
    </r>
    <r>
      <rPr>
        <sz val="14"/>
        <color indexed="8"/>
        <rFont val="HGP教科書体"/>
        <family val="1"/>
        <charset val="128"/>
      </rPr>
      <t>を決める。</t>
    </r>
    <rPh sb="0" eb="2">
      <t>ゴウヒ</t>
    </rPh>
    <rPh sb="2" eb="4">
      <t>ハンテイ</t>
    </rPh>
    <rPh sb="10" eb="11">
      <t>キ</t>
    </rPh>
    <phoneticPr fontId="1"/>
  </si>
  <si>
    <r>
      <t>生まれ</t>
    </r>
    <r>
      <rPr>
        <b/>
        <u/>
        <sz val="14"/>
        <color indexed="8"/>
        <rFont val="HGP教科書体"/>
        <family val="1"/>
        <charset val="128"/>
      </rPr>
      <t>コキョウ</t>
    </r>
    <r>
      <rPr>
        <sz val="14"/>
        <color indexed="8"/>
        <rFont val="HGP教科書体"/>
        <family val="1"/>
        <charset val="128"/>
      </rPr>
      <t>を思い出す。</t>
    </r>
    <rPh sb="0" eb="1">
      <t>ウ</t>
    </rPh>
    <rPh sb="8" eb="9">
      <t>オモ</t>
    </rPh>
    <rPh sb="10" eb="11">
      <t>ダ</t>
    </rPh>
    <phoneticPr fontId="1"/>
  </si>
  <si>
    <r>
      <t>皿を</t>
    </r>
    <r>
      <rPr>
        <b/>
        <u/>
        <sz val="14"/>
        <color indexed="8"/>
        <rFont val="HGP教科書体"/>
        <family val="1"/>
        <charset val="128"/>
      </rPr>
      <t>アラ</t>
    </r>
    <r>
      <rPr>
        <sz val="14"/>
        <color indexed="8"/>
        <rFont val="HGP教科書体"/>
        <family val="1"/>
        <charset val="128"/>
      </rPr>
      <t>う。</t>
    </r>
    <rPh sb="0" eb="1">
      <t>サラ</t>
    </rPh>
    <phoneticPr fontId="1"/>
  </si>
  <si>
    <r>
      <t>ねじを</t>
    </r>
    <r>
      <rPr>
        <b/>
        <u/>
        <sz val="14"/>
        <color indexed="8"/>
        <rFont val="HGP教科書体"/>
        <family val="1"/>
        <charset val="128"/>
      </rPr>
      <t>マ</t>
    </r>
    <r>
      <rPr>
        <sz val="14"/>
        <color indexed="8"/>
        <rFont val="HGP教科書体"/>
        <family val="1"/>
        <charset val="128"/>
      </rPr>
      <t>く。</t>
    </r>
    <phoneticPr fontId="1"/>
  </si>
  <si>
    <r>
      <rPr>
        <b/>
        <u/>
        <sz val="14"/>
        <color indexed="8"/>
        <rFont val="HGP教科書体"/>
        <family val="1"/>
        <charset val="128"/>
      </rPr>
      <t>ドキョウ</t>
    </r>
    <r>
      <rPr>
        <sz val="14"/>
        <color indexed="8"/>
        <rFont val="HGP教科書体"/>
        <family val="1"/>
        <charset val="128"/>
      </rPr>
      <t>のすわった人。</t>
    </r>
    <rPh sb="9" eb="10">
      <t>ヒト</t>
    </rPh>
    <phoneticPr fontId="1"/>
  </si>
  <si>
    <r>
      <t>遠くに住む祖父を</t>
    </r>
    <r>
      <rPr>
        <b/>
        <u/>
        <sz val="14"/>
        <color indexed="8"/>
        <rFont val="HGP教科書体"/>
        <family val="1"/>
        <charset val="128"/>
      </rPr>
      <t>タズ</t>
    </r>
    <r>
      <rPr>
        <sz val="14"/>
        <color indexed="8"/>
        <rFont val="HGP教科書体"/>
        <family val="1"/>
        <charset val="128"/>
      </rPr>
      <t>ねる。</t>
    </r>
    <rPh sb="0" eb="1">
      <t>トオ</t>
    </rPh>
    <rPh sb="3" eb="4">
      <t>ス</t>
    </rPh>
    <rPh sb="5" eb="7">
      <t>ソフ</t>
    </rPh>
    <phoneticPr fontId="1"/>
  </si>
  <si>
    <r>
      <t>意見が</t>
    </r>
    <r>
      <rPr>
        <b/>
        <u/>
        <sz val="14"/>
        <color indexed="8"/>
        <rFont val="HGP教科書体"/>
        <family val="1"/>
        <charset val="128"/>
      </rPr>
      <t>コト</t>
    </r>
    <r>
      <rPr>
        <sz val="14"/>
        <color indexed="8"/>
        <rFont val="HGP教科書体"/>
        <family val="1"/>
        <charset val="128"/>
      </rPr>
      <t>なる。</t>
    </r>
    <rPh sb="0" eb="2">
      <t>イケン</t>
    </rPh>
    <phoneticPr fontId="1"/>
  </si>
  <si>
    <r>
      <t>両親を</t>
    </r>
    <r>
      <rPr>
        <b/>
        <u/>
        <sz val="14"/>
        <color indexed="8"/>
        <rFont val="HGP教科書体"/>
        <family val="1"/>
        <charset val="128"/>
      </rPr>
      <t>ウヤマ</t>
    </r>
    <r>
      <rPr>
        <sz val="14"/>
        <color indexed="8"/>
        <rFont val="HGP教科書体"/>
        <family val="1"/>
        <charset val="128"/>
      </rPr>
      <t>う。</t>
    </r>
    <rPh sb="0" eb="2">
      <t>リョウシン</t>
    </rPh>
    <phoneticPr fontId="1"/>
  </si>
  <si>
    <r>
      <t>初日の出を</t>
    </r>
    <r>
      <rPr>
        <b/>
        <u/>
        <sz val="14"/>
        <color indexed="8"/>
        <rFont val="HGP教科書体"/>
        <family val="1"/>
        <charset val="128"/>
      </rPr>
      <t>オガ</t>
    </r>
    <r>
      <rPr>
        <sz val="14"/>
        <color indexed="8"/>
        <rFont val="HGP教科書体"/>
        <family val="1"/>
        <charset val="128"/>
      </rPr>
      <t>む。</t>
    </r>
    <rPh sb="0" eb="2">
      <t>ハツヒ</t>
    </rPh>
    <rPh sb="3" eb="4">
      <t>デ</t>
    </rPh>
    <phoneticPr fontId="1"/>
  </si>
  <si>
    <r>
      <t>変わった</t>
    </r>
    <r>
      <rPr>
        <b/>
        <u/>
        <sz val="14"/>
        <color indexed="8"/>
        <rFont val="HGP教科書体"/>
        <family val="1"/>
        <charset val="128"/>
      </rPr>
      <t>フクソウ</t>
    </r>
    <r>
      <rPr>
        <sz val="14"/>
        <color indexed="8"/>
        <rFont val="HGP教科書体"/>
        <family val="1"/>
        <charset val="128"/>
      </rPr>
      <t>をしている男。</t>
    </r>
    <rPh sb="0" eb="1">
      <t>カ</t>
    </rPh>
    <rPh sb="13" eb="14">
      <t>オトコ</t>
    </rPh>
    <phoneticPr fontId="1"/>
  </si>
  <si>
    <r>
      <t>アトラクションに</t>
    </r>
    <r>
      <rPr>
        <b/>
        <u/>
        <sz val="14"/>
        <color indexed="8"/>
        <rFont val="HGP教科書体"/>
        <family val="1"/>
        <charset val="128"/>
      </rPr>
      <t>ナラ</t>
    </r>
    <r>
      <rPr>
        <sz val="14"/>
        <color indexed="8"/>
        <rFont val="HGP教科書体"/>
        <family val="1"/>
        <charset val="128"/>
      </rPr>
      <t>ぶ。</t>
    </r>
    <phoneticPr fontId="1"/>
  </si>
  <si>
    <r>
      <t>水を</t>
    </r>
    <r>
      <rPr>
        <b/>
        <u/>
        <sz val="14"/>
        <color indexed="8"/>
        <rFont val="HGP教科書体"/>
        <family val="1"/>
        <charset val="128"/>
      </rPr>
      <t>キュウシュウ</t>
    </r>
    <r>
      <rPr>
        <sz val="14"/>
        <color indexed="8"/>
        <rFont val="HGP教科書体"/>
        <family val="1"/>
        <charset val="128"/>
      </rPr>
      <t>する布。</t>
    </r>
    <rPh sb="0" eb="1">
      <t>ミズ</t>
    </rPh>
    <rPh sb="10" eb="11">
      <t>ヌノ</t>
    </rPh>
    <phoneticPr fontId="1"/>
  </si>
  <si>
    <r>
      <t>方位</t>
    </r>
    <r>
      <rPr>
        <b/>
        <u/>
        <sz val="14"/>
        <color indexed="8"/>
        <rFont val="HGP教科書体"/>
        <family val="1"/>
        <charset val="128"/>
      </rPr>
      <t>ジシャク</t>
    </r>
    <r>
      <rPr>
        <sz val="14"/>
        <color indexed="8"/>
        <rFont val="HGP教科書体"/>
        <family val="1"/>
        <charset val="128"/>
      </rPr>
      <t>が北を指す。</t>
    </r>
    <rPh sb="0" eb="2">
      <t>ホウイ</t>
    </rPh>
    <rPh sb="7" eb="8">
      <t>キタ</t>
    </rPh>
    <rPh sb="9" eb="10">
      <t>サ</t>
    </rPh>
    <phoneticPr fontId="1"/>
  </si>
  <si>
    <r>
      <t>社員に</t>
    </r>
    <r>
      <rPr>
        <b/>
        <u/>
        <sz val="14"/>
        <color indexed="8"/>
        <rFont val="HGP教科書体"/>
        <family val="1"/>
        <charset val="128"/>
      </rPr>
      <t>チンギン</t>
    </r>
    <r>
      <rPr>
        <sz val="14"/>
        <color indexed="8"/>
        <rFont val="HGP教科書体"/>
        <family val="1"/>
        <charset val="128"/>
      </rPr>
      <t>を支はらう。</t>
    </r>
    <rPh sb="0" eb="2">
      <t>シャイン</t>
    </rPh>
    <rPh sb="8" eb="9">
      <t>シ</t>
    </rPh>
    <phoneticPr fontId="1"/>
  </si>
  <si>
    <r>
      <rPr>
        <b/>
        <u/>
        <sz val="14"/>
        <color indexed="8"/>
        <rFont val="HGP教科書体"/>
        <family val="1"/>
        <charset val="128"/>
      </rPr>
      <t>セイトウ</t>
    </r>
    <r>
      <rPr>
        <sz val="14"/>
        <color indexed="8"/>
        <rFont val="HGP教科書体"/>
        <family val="1"/>
        <charset val="128"/>
      </rPr>
      <t>の支持率が下がる。</t>
    </r>
    <rPh sb="5" eb="8">
      <t>シジリツ</t>
    </rPh>
    <rPh sb="9" eb="10">
      <t>サ</t>
    </rPh>
    <phoneticPr fontId="1"/>
  </si>
  <si>
    <r>
      <t>生ゴミを</t>
    </r>
    <r>
      <rPr>
        <b/>
        <u/>
        <sz val="14"/>
        <color indexed="8"/>
        <rFont val="HGP教科書体"/>
        <family val="1"/>
        <charset val="128"/>
      </rPr>
      <t>ショリ</t>
    </r>
    <r>
      <rPr>
        <sz val="14"/>
        <color indexed="8"/>
        <rFont val="HGP教科書体"/>
        <family val="1"/>
        <charset val="128"/>
      </rPr>
      <t>する。</t>
    </r>
    <rPh sb="0" eb="1">
      <t>ナマ</t>
    </rPh>
    <phoneticPr fontId="1"/>
  </si>
  <si>
    <r>
      <t>日が</t>
    </r>
    <r>
      <rPr>
        <b/>
        <u/>
        <sz val="14"/>
        <color indexed="8"/>
        <rFont val="HGP教科書体"/>
        <family val="1"/>
        <charset val="128"/>
      </rPr>
      <t>ク</t>
    </r>
    <r>
      <rPr>
        <sz val="14"/>
        <color indexed="8"/>
        <rFont val="HGP教科書体"/>
        <family val="1"/>
        <charset val="128"/>
      </rPr>
      <t>れる。</t>
    </r>
    <rPh sb="0" eb="1">
      <t>ヒ</t>
    </rPh>
    <phoneticPr fontId="1"/>
  </si>
  <si>
    <r>
      <rPr>
        <b/>
        <u/>
        <sz val="14"/>
        <color indexed="8"/>
        <rFont val="HGP教科書体"/>
        <family val="1"/>
        <charset val="128"/>
      </rPr>
      <t>ハイイロ</t>
    </r>
    <r>
      <rPr>
        <sz val="14"/>
        <color indexed="8"/>
        <rFont val="HGP教科書体"/>
        <family val="1"/>
        <charset val="128"/>
      </rPr>
      <t>の空。</t>
    </r>
    <rPh sb="5" eb="6">
      <t>ソラ</t>
    </rPh>
    <phoneticPr fontId="1"/>
  </si>
  <si>
    <r>
      <t>時を</t>
    </r>
    <r>
      <rPr>
        <b/>
        <u/>
        <sz val="14"/>
        <color indexed="8"/>
        <rFont val="HGP教科書体"/>
        <family val="1"/>
        <charset val="128"/>
      </rPr>
      <t>ワス</t>
    </r>
    <r>
      <rPr>
        <sz val="14"/>
        <color indexed="8"/>
        <rFont val="HGP教科書体"/>
        <family val="1"/>
        <charset val="128"/>
      </rPr>
      <t>れて楽しむ。</t>
    </r>
    <rPh sb="0" eb="1">
      <t>トキ</t>
    </rPh>
    <rPh sb="6" eb="7">
      <t>タノ</t>
    </rPh>
    <phoneticPr fontId="1"/>
  </si>
  <si>
    <r>
      <rPr>
        <b/>
        <u/>
        <sz val="14"/>
        <color indexed="8"/>
        <rFont val="HGP教科書体"/>
        <family val="1"/>
        <charset val="128"/>
      </rPr>
      <t>ウラニワ</t>
    </r>
    <r>
      <rPr>
        <sz val="14"/>
        <color indexed="8"/>
        <rFont val="HGP教科書体"/>
        <family val="1"/>
        <charset val="128"/>
      </rPr>
      <t>で遊ぶ。</t>
    </r>
    <rPh sb="5" eb="6">
      <t>アソ</t>
    </rPh>
    <phoneticPr fontId="1"/>
  </si>
  <si>
    <r>
      <t>自転車で日本を</t>
    </r>
    <r>
      <rPr>
        <b/>
        <u/>
        <sz val="14"/>
        <color indexed="8"/>
        <rFont val="HGP教科書体"/>
        <family val="1"/>
        <charset val="128"/>
      </rPr>
      <t>ジュウダン</t>
    </r>
    <r>
      <rPr>
        <sz val="14"/>
        <color indexed="8"/>
        <rFont val="HGP教科書体"/>
        <family val="1"/>
        <charset val="128"/>
      </rPr>
      <t>する。</t>
    </r>
    <rPh sb="0" eb="3">
      <t>ジテンシャ</t>
    </rPh>
    <rPh sb="4" eb="6">
      <t>ニホン</t>
    </rPh>
    <phoneticPr fontId="2"/>
  </si>
  <si>
    <r>
      <rPr>
        <b/>
        <u/>
        <sz val="14"/>
        <color indexed="8"/>
        <rFont val="HGP教科書体"/>
        <family val="1"/>
        <charset val="128"/>
      </rPr>
      <t>ヒミツ</t>
    </r>
    <r>
      <rPr>
        <sz val="14"/>
        <color indexed="8"/>
        <rFont val="HGP教科書体"/>
        <family val="1"/>
        <charset val="128"/>
      </rPr>
      <t>をもらす。</t>
    </r>
    <phoneticPr fontId="2"/>
  </si>
  <si>
    <r>
      <t>せんたくでシャツが</t>
    </r>
    <r>
      <rPr>
        <b/>
        <u/>
        <sz val="14"/>
        <color indexed="8"/>
        <rFont val="HGP教科書体"/>
        <family val="1"/>
        <charset val="128"/>
      </rPr>
      <t>チヂ</t>
    </r>
    <r>
      <rPr>
        <sz val="14"/>
        <color indexed="8"/>
        <rFont val="HGP教科書体"/>
        <family val="1"/>
        <charset val="128"/>
      </rPr>
      <t>む。</t>
    </r>
    <phoneticPr fontId="2"/>
  </si>
  <si>
    <r>
      <t>光が</t>
    </r>
    <r>
      <rPr>
        <b/>
        <u/>
        <sz val="14"/>
        <color indexed="8"/>
        <rFont val="HGP教科書体"/>
        <family val="1"/>
        <charset val="128"/>
      </rPr>
      <t>ハンシャ</t>
    </r>
    <r>
      <rPr>
        <sz val="14"/>
        <color indexed="8"/>
        <rFont val="HGP教科書体"/>
        <family val="1"/>
        <charset val="128"/>
      </rPr>
      <t>する。</t>
    </r>
    <rPh sb="0" eb="1">
      <t>ヒカリ</t>
    </rPh>
    <phoneticPr fontId="2"/>
  </si>
  <si>
    <r>
      <rPr>
        <b/>
        <u/>
        <sz val="14"/>
        <color indexed="8"/>
        <rFont val="HGP教科書体"/>
        <family val="1"/>
        <charset val="128"/>
      </rPr>
      <t>ゴカイ</t>
    </r>
    <r>
      <rPr>
        <sz val="14"/>
        <color indexed="8"/>
        <rFont val="HGP教科書体"/>
        <family val="1"/>
        <charset val="128"/>
      </rPr>
      <t>される行動をとる。</t>
    </r>
    <rPh sb="6" eb="8">
      <t>コウドウ</t>
    </rPh>
    <phoneticPr fontId="2"/>
  </si>
  <si>
    <r>
      <t>事故で人が</t>
    </r>
    <r>
      <rPr>
        <b/>
        <u/>
        <sz val="14"/>
        <color indexed="8"/>
        <rFont val="HGP教科書体"/>
        <family val="1"/>
        <charset val="128"/>
      </rPr>
      <t>シボウ</t>
    </r>
    <r>
      <rPr>
        <sz val="14"/>
        <color indexed="8"/>
        <rFont val="HGP教科書体"/>
        <family val="1"/>
        <charset val="128"/>
      </rPr>
      <t>する。</t>
    </r>
    <rPh sb="0" eb="2">
      <t>ジコ</t>
    </rPh>
    <rPh sb="3" eb="4">
      <t>ヒト</t>
    </rPh>
    <phoneticPr fontId="2"/>
  </si>
  <si>
    <r>
      <t>コップが</t>
    </r>
    <r>
      <rPr>
        <b/>
        <u/>
        <sz val="14"/>
        <color indexed="8"/>
        <rFont val="HGP教科書体"/>
        <family val="1"/>
        <charset val="128"/>
      </rPr>
      <t>ワ</t>
    </r>
    <r>
      <rPr>
        <sz val="14"/>
        <color indexed="8"/>
        <rFont val="HGP教科書体"/>
        <family val="1"/>
        <charset val="128"/>
      </rPr>
      <t>れる。</t>
    </r>
    <phoneticPr fontId="2"/>
  </si>
  <si>
    <r>
      <t>名前を</t>
    </r>
    <r>
      <rPr>
        <b/>
        <u/>
        <sz val="14"/>
        <color indexed="8"/>
        <rFont val="HGP教科書体"/>
        <family val="1"/>
        <charset val="128"/>
      </rPr>
      <t>ヨ</t>
    </r>
    <r>
      <rPr>
        <sz val="14"/>
        <color indexed="8"/>
        <rFont val="HGP教科書体"/>
        <family val="1"/>
        <charset val="128"/>
      </rPr>
      <t>ぶ。</t>
    </r>
    <rPh sb="0" eb="2">
      <t>ナマエ</t>
    </rPh>
    <phoneticPr fontId="2"/>
  </si>
  <si>
    <r>
      <rPr>
        <b/>
        <u/>
        <sz val="14"/>
        <color indexed="8"/>
        <rFont val="HGP教科書体"/>
        <family val="1"/>
        <charset val="128"/>
      </rPr>
      <t>カイコ</t>
    </r>
    <r>
      <rPr>
        <sz val="14"/>
        <color indexed="8"/>
        <rFont val="HGP教科書体"/>
        <family val="1"/>
        <charset val="128"/>
      </rPr>
      <t>のまゆ。</t>
    </r>
    <phoneticPr fontId="2"/>
  </si>
  <si>
    <r>
      <t>この問題は</t>
    </r>
    <r>
      <rPr>
        <b/>
        <u/>
        <sz val="14"/>
        <color indexed="8"/>
        <rFont val="HGP教科書体"/>
        <family val="1"/>
        <charset val="128"/>
      </rPr>
      <t>カンタン</t>
    </r>
    <r>
      <rPr>
        <sz val="14"/>
        <color indexed="8"/>
        <rFont val="HGP教科書体"/>
        <family val="1"/>
        <charset val="128"/>
      </rPr>
      <t>だ。</t>
    </r>
    <rPh sb="2" eb="4">
      <t>モンダイ</t>
    </rPh>
    <phoneticPr fontId="2"/>
  </si>
  <si>
    <r>
      <rPr>
        <b/>
        <u/>
        <sz val="14"/>
        <color indexed="8"/>
        <rFont val="HGP教科書体"/>
        <family val="1"/>
        <charset val="128"/>
      </rPr>
      <t>カシ</t>
    </r>
    <r>
      <rPr>
        <sz val="14"/>
        <color indexed="8"/>
        <rFont val="HGP教科書体"/>
        <family val="1"/>
        <charset val="128"/>
      </rPr>
      <t>を見ながら歌う。</t>
    </r>
    <rPh sb="3" eb="4">
      <t>ミ</t>
    </rPh>
    <rPh sb="7" eb="8">
      <t>ウタ</t>
    </rPh>
    <phoneticPr fontId="2"/>
  </si>
  <si>
    <r>
      <t>命令に</t>
    </r>
    <r>
      <rPr>
        <b/>
        <u/>
        <sz val="14"/>
        <color indexed="8"/>
        <rFont val="HGP教科書体"/>
        <family val="1"/>
        <charset val="128"/>
      </rPr>
      <t>シタガ</t>
    </r>
    <r>
      <rPr>
        <sz val="14"/>
        <color indexed="8"/>
        <rFont val="HGP教科書体"/>
        <family val="1"/>
        <charset val="128"/>
      </rPr>
      <t>う。</t>
    </r>
    <rPh sb="0" eb="2">
      <t>メイレイ</t>
    </rPh>
    <phoneticPr fontId="2"/>
  </si>
  <si>
    <r>
      <t>童話を</t>
    </r>
    <r>
      <rPr>
        <b/>
        <u/>
        <sz val="14"/>
        <color indexed="8"/>
        <rFont val="HGP教科書体"/>
        <family val="1"/>
        <charset val="128"/>
      </rPr>
      <t>ソウサク</t>
    </r>
    <r>
      <rPr>
        <sz val="14"/>
        <color indexed="8"/>
        <rFont val="HGP教科書体"/>
        <family val="1"/>
        <charset val="128"/>
      </rPr>
      <t>する。</t>
    </r>
    <rPh sb="0" eb="2">
      <t>ドウワ</t>
    </rPh>
    <phoneticPr fontId="2"/>
  </si>
  <si>
    <r>
      <rPr>
        <b/>
        <u/>
        <sz val="14"/>
        <color indexed="8"/>
        <rFont val="HGP教科書体"/>
        <family val="1"/>
        <charset val="128"/>
      </rPr>
      <t>オヤコウコウ</t>
    </r>
    <r>
      <rPr>
        <sz val="14"/>
        <color indexed="8"/>
        <rFont val="HGP教科書体"/>
        <family val="1"/>
        <charset val="128"/>
      </rPr>
      <t>な息子。</t>
    </r>
    <rPh sb="7" eb="9">
      <t>ムスコ</t>
    </rPh>
    <phoneticPr fontId="2"/>
  </si>
  <si>
    <r>
      <t>イギリスの</t>
    </r>
    <r>
      <rPr>
        <b/>
        <u/>
        <sz val="14"/>
        <color indexed="8"/>
        <rFont val="HGP教科書体"/>
        <family val="1"/>
        <charset val="128"/>
      </rPr>
      <t>キゾク</t>
    </r>
    <r>
      <rPr>
        <sz val="14"/>
        <color indexed="8"/>
        <rFont val="HGP教科書体"/>
        <family val="1"/>
        <charset val="128"/>
      </rPr>
      <t>。</t>
    </r>
    <phoneticPr fontId="2"/>
  </si>
  <si>
    <r>
      <rPr>
        <b/>
        <u/>
        <sz val="14"/>
        <color indexed="8"/>
        <rFont val="HGP教科書体"/>
        <family val="1"/>
        <charset val="128"/>
      </rPr>
      <t>セイショ</t>
    </r>
    <r>
      <rPr>
        <sz val="14"/>
        <color indexed="8"/>
        <rFont val="HGP教科書体"/>
        <family val="1"/>
        <charset val="128"/>
      </rPr>
      <t>を読む。</t>
    </r>
    <rPh sb="5" eb="6">
      <t>ヨ</t>
    </rPh>
    <phoneticPr fontId="2"/>
  </si>
  <si>
    <r>
      <t>水面に月が</t>
    </r>
    <r>
      <rPr>
        <b/>
        <u/>
        <sz val="14"/>
        <color indexed="8"/>
        <rFont val="HGP教科書体"/>
        <family val="1"/>
        <charset val="128"/>
      </rPr>
      <t>ウツ</t>
    </r>
    <r>
      <rPr>
        <sz val="14"/>
        <color indexed="8"/>
        <rFont val="HGP教科書体"/>
        <family val="1"/>
        <charset val="128"/>
      </rPr>
      <t>る。</t>
    </r>
    <rPh sb="0" eb="2">
      <t>スイメン</t>
    </rPh>
    <rPh sb="3" eb="4">
      <t>ツキ</t>
    </rPh>
    <phoneticPr fontId="2"/>
  </si>
  <si>
    <r>
      <rPr>
        <b/>
        <u/>
        <sz val="14"/>
        <color indexed="8"/>
        <rFont val="HGP教科書体"/>
        <family val="1"/>
        <charset val="128"/>
      </rPr>
      <t>ショウライ</t>
    </r>
    <r>
      <rPr>
        <sz val="14"/>
        <color indexed="8"/>
        <rFont val="HGP教科書体"/>
        <family val="1"/>
        <charset val="128"/>
      </rPr>
      <t>の夢を語る。</t>
    </r>
    <rPh sb="6" eb="7">
      <t>ゆめ</t>
    </rPh>
    <rPh sb="8" eb="9">
      <t>かた</t>
    </rPh>
    <phoneticPr fontId="3" type="Hiragana"/>
  </si>
  <si>
    <r>
      <t>辞典で</t>
    </r>
    <r>
      <rPr>
        <b/>
        <u/>
        <sz val="14"/>
        <color indexed="8"/>
        <rFont val="HGP教科書体"/>
        <family val="1"/>
        <charset val="128"/>
      </rPr>
      <t>サガ</t>
    </r>
    <r>
      <rPr>
        <sz val="14"/>
        <color indexed="8"/>
        <rFont val="HGP教科書体"/>
        <family val="1"/>
        <charset val="128"/>
      </rPr>
      <t>す。</t>
    </r>
    <rPh sb="0" eb="2">
      <t>ジテン</t>
    </rPh>
    <phoneticPr fontId="2"/>
  </si>
  <si>
    <r>
      <rPr>
        <b/>
        <u/>
        <sz val="14"/>
        <color indexed="8"/>
        <rFont val="HGP教科書体"/>
        <family val="1"/>
        <charset val="128"/>
      </rPr>
      <t>ハン</t>
    </r>
    <r>
      <rPr>
        <sz val="14"/>
        <color indexed="8"/>
        <rFont val="HGP教科書体"/>
        <family val="1"/>
        <charset val="128"/>
      </rPr>
      <t>に分かれる。</t>
    </r>
    <rPh sb="3" eb="4">
      <t>ワ</t>
    </rPh>
    <phoneticPr fontId="2"/>
  </si>
  <si>
    <r>
      <t>仏様への</t>
    </r>
    <r>
      <rPr>
        <b/>
        <u/>
        <sz val="14"/>
        <color indexed="8"/>
        <rFont val="HGP教科書体"/>
        <family val="1"/>
        <charset val="128"/>
      </rPr>
      <t>ソナ</t>
    </r>
    <r>
      <rPr>
        <sz val="14"/>
        <color indexed="8"/>
        <rFont val="HGP教科書体"/>
        <family val="1"/>
        <charset val="128"/>
      </rPr>
      <t>え物。</t>
    </r>
    <rPh sb="0" eb="2">
      <t>ホトケサマ</t>
    </rPh>
    <rPh sb="7" eb="8">
      <t>モノ</t>
    </rPh>
    <phoneticPr fontId="2"/>
  </si>
  <si>
    <r>
      <t>地球</t>
    </r>
    <r>
      <rPr>
        <b/>
        <u/>
        <sz val="14"/>
        <color indexed="8"/>
        <rFont val="HGP教科書体"/>
        <family val="1"/>
        <charset val="128"/>
      </rPr>
      <t>オンダン</t>
    </r>
    <r>
      <rPr>
        <sz val="14"/>
        <color indexed="8"/>
        <rFont val="HGP教科書体"/>
        <family val="1"/>
        <charset val="128"/>
      </rPr>
      <t>化。</t>
    </r>
    <rPh sb="0" eb="2">
      <t>チキュウ</t>
    </rPh>
    <rPh sb="6" eb="7">
      <t>カ</t>
    </rPh>
    <phoneticPr fontId="2"/>
  </si>
  <si>
    <r>
      <t>野生のシカが</t>
    </r>
    <r>
      <rPr>
        <b/>
        <u/>
        <sz val="14"/>
        <color indexed="8"/>
        <rFont val="HGP教科書体"/>
        <family val="1"/>
        <charset val="128"/>
      </rPr>
      <t>スガタ</t>
    </r>
    <r>
      <rPr>
        <sz val="14"/>
        <color indexed="8"/>
        <rFont val="HGP教科書体"/>
        <family val="1"/>
        <charset val="128"/>
      </rPr>
      <t>を現す。</t>
    </r>
    <rPh sb="0" eb="2">
      <t>ヤセイ</t>
    </rPh>
    <rPh sb="10" eb="11">
      <t>アラワ</t>
    </rPh>
    <phoneticPr fontId="2"/>
  </si>
  <si>
    <r>
      <rPr>
        <b/>
        <u/>
        <sz val="14"/>
        <color indexed="8"/>
        <rFont val="HGP教科書体"/>
        <family val="1"/>
        <charset val="128"/>
      </rPr>
      <t>タカラモノ</t>
    </r>
    <r>
      <rPr>
        <sz val="14"/>
        <color indexed="8"/>
        <rFont val="HGP教科書体"/>
        <family val="1"/>
        <charset val="128"/>
      </rPr>
      <t>をさがす。</t>
    </r>
    <phoneticPr fontId="2"/>
  </si>
  <si>
    <r>
      <rPr>
        <b/>
        <u/>
        <sz val="14"/>
        <color indexed="8"/>
        <rFont val="HGP教科書体"/>
        <family val="1"/>
        <charset val="128"/>
      </rPr>
      <t>ジタク</t>
    </r>
    <r>
      <rPr>
        <sz val="14"/>
        <color indexed="8"/>
        <rFont val="HGP教科書体"/>
        <family val="1"/>
        <charset val="128"/>
      </rPr>
      <t>に荷物をとどける。</t>
    </r>
    <rPh sb="4" eb="6">
      <t>ニモツ</t>
    </rPh>
    <phoneticPr fontId="2"/>
  </si>
  <si>
    <r>
      <t>お金が足りなくて</t>
    </r>
    <r>
      <rPr>
        <b/>
        <u/>
        <sz val="14"/>
        <color indexed="8"/>
        <rFont val="HGP教科書体"/>
        <family val="1"/>
        <charset val="128"/>
      </rPr>
      <t>コマ</t>
    </r>
    <r>
      <rPr>
        <sz val="14"/>
        <color indexed="8"/>
        <rFont val="HGP教科書体"/>
        <family val="1"/>
        <charset val="128"/>
      </rPr>
      <t>った。</t>
    </r>
    <rPh sb="1" eb="2">
      <t>カネ</t>
    </rPh>
    <rPh sb="3" eb="4">
      <t>タ</t>
    </rPh>
    <phoneticPr fontId="2"/>
  </si>
  <si>
    <r>
      <t>コーヒーに</t>
    </r>
    <r>
      <rPr>
        <b/>
        <u/>
        <sz val="14"/>
        <color indexed="8"/>
        <rFont val="HGP教科書体"/>
        <family val="1"/>
        <charset val="128"/>
      </rPr>
      <t>サトウ</t>
    </r>
    <r>
      <rPr>
        <sz val="14"/>
        <color indexed="8"/>
        <rFont val="HGP教科書体"/>
        <family val="1"/>
        <charset val="128"/>
      </rPr>
      <t>を入れる。</t>
    </r>
    <rPh sb="9" eb="10">
      <t>イ</t>
    </rPh>
    <phoneticPr fontId="2"/>
  </si>
  <si>
    <r>
      <rPr>
        <b/>
        <u/>
        <sz val="14"/>
        <color indexed="8"/>
        <rFont val="HGP教科書体"/>
        <family val="1"/>
        <charset val="128"/>
      </rPr>
      <t>キケン</t>
    </r>
    <r>
      <rPr>
        <sz val="14"/>
        <color indexed="8"/>
        <rFont val="HGP教科書体"/>
        <family val="1"/>
        <charset val="128"/>
      </rPr>
      <t>な場所には入るな。</t>
    </r>
    <rPh sb="4" eb="6">
      <t>バショ</t>
    </rPh>
    <rPh sb="8" eb="9">
      <t>ハイ</t>
    </rPh>
    <phoneticPr fontId="2"/>
  </si>
  <si>
    <r>
      <rPr>
        <b/>
        <u/>
        <sz val="14"/>
        <color indexed="8"/>
        <rFont val="HGP教科書体"/>
        <family val="1"/>
        <charset val="128"/>
      </rPr>
      <t>クウフク</t>
    </r>
    <r>
      <rPr>
        <sz val="14"/>
        <color indexed="8"/>
        <rFont val="HGP教科書体"/>
        <family val="1"/>
        <charset val="128"/>
      </rPr>
      <t>にたえられない。</t>
    </r>
    <phoneticPr fontId="2"/>
  </si>
  <si>
    <r>
      <t>キャベツを</t>
    </r>
    <r>
      <rPr>
        <b/>
        <u/>
        <sz val="14"/>
        <color indexed="8"/>
        <rFont val="HGP教科書体"/>
        <family val="1"/>
        <charset val="128"/>
      </rPr>
      <t>キザ</t>
    </r>
    <r>
      <rPr>
        <sz val="14"/>
        <color indexed="8"/>
        <rFont val="HGP教科書体"/>
        <family val="1"/>
        <charset val="128"/>
      </rPr>
      <t>む。</t>
    </r>
    <phoneticPr fontId="2"/>
  </si>
  <si>
    <r>
      <rPr>
        <b/>
        <u/>
        <sz val="14"/>
        <color indexed="8"/>
        <rFont val="HGP教科書体"/>
        <family val="1"/>
        <charset val="128"/>
      </rPr>
      <t>タイシュウ</t>
    </r>
    <r>
      <rPr>
        <sz val="14"/>
        <color indexed="8"/>
        <rFont val="HGP教科書体"/>
        <family val="1"/>
        <charset val="128"/>
      </rPr>
      <t>から支持を得る。</t>
    </r>
    <rPh sb="7" eb="9">
      <t>シジ</t>
    </rPh>
    <rPh sb="10" eb="11">
      <t>エ</t>
    </rPh>
    <phoneticPr fontId="2"/>
  </si>
  <si>
    <r>
      <rPr>
        <b/>
        <u/>
        <sz val="14"/>
        <color indexed="8"/>
        <rFont val="HGP教科書体"/>
        <family val="1"/>
        <charset val="128"/>
      </rPr>
      <t>オンセン</t>
    </r>
    <r>
      <rPr>
        <sz val="14"/>
        <color indexed="8"/>
        <rFont val="HGP教科書体"/>
        <family val="1"/>
        <charset val="128"/>
      </rPr>
      <t>に入る。</t>
    </r>
    <rPh sb="5" eb="6">
      <t>ハイ</t>
    </rPh>
    <phoneticPr fontId="2"/>
  </si>
  <si>
    <r>
      <rPr>
        <b/>
        <u/>
        <sz val="14"/>
        <color indexed="8"/>
        <rFont val="HGP教科書体"/>
        <family val="1"/>
        <charset val="128"/>
      </rPr>
      <t>タンジュン</t>
    </r>
    <r>
      <rPr>
        <sz val="14"/>
        <color indexed="8"/>
        <rFont val="HGP教科書体"/>
        <family val="1"/>
        <charset val="128"/>
      </rPr>
      <t>なつくりの機械。</t>
    </r>
    <rPh sb="10" eb="12">
      <t>キカイ</t>
    </rPh>
    <phoneticPr fontId="2"/>
  </si>
  <si>
    <r>
      <rPr>
        <b/>
        <u/>
        <sz val="14"/>
        <color indexed="8"/>
        <rFont val="HGP教科書体"/>
        <family val="1"/>
        <charset val="128"/>
      </rPr>
      <t>チソウ</t>
    </r>
    <r>
      <rPr>
        <sz val="14"/>
        <color indexed="8"/>
        <rFont val="HGP教科書体"/>
        <family val="1"/>
        <charset val="128"/>
      </rPr>
      <t>から化石をほり出す。</t>
    </r>
    <rPh sb="5" eb="7">
      <t>カセキ</t>
    </rPh>
    <rPh sb="10" eb="11">
      <t>ダ</t>
    </rPh>
    <phoneticPr fontId="2"/>
  </si>
  <si>
    <r>
      <t>婦人</t>
    </r>
    <r>
      <rPr>
        <b/>
        <u/>
        <sz val="14"/>
        <color indexed="8"/>
        <rFont val="HGP教科書体"/>
        <family val="1"/>
        <charset val="128"/>
      </rPr>
      <t>ケイカン</t>
    </r>
    <r>
      <rPr>
        <sz val="14"/>
        <color indexed="8"/>
        <rFont val="HGP教科書体"/>
        <family val="1"/>
        <charset val="128"/>
      </rPr>
      <t>に道を聞く。</t>
    </r>
    <rPh sb="0" eb="2">
      <t>フジン</t>
    </rPh>
    <rPh sb="7" eb="8">
      <t>ミチ</t>
    </rPh>
    <rPh sb="9" eb="10">
      <t>キ</t>
    </rPh>
    <phoneticPr fontId="2"/>
  </si>
  <si>
    <r>
      <rPr>
        <b/>
        <u/>
        <sz val="14"/>
        <color indexed="8"/>
        <rFont val="HGP教科書体"/>
        <family val="1"/>
        <charset val="128"/>
      </rPr>
      <t>オサナ</t>
    </r>
    <r>
      <rPr>
        <sz val="14"/>
        <color indexed="8"/>
        <rFont val="HGP教科書体"/>
        <family val="1"/>
        <charset val="128"/>
      </rPr>
      <t>い子どもの笑い声。</t>
    </r>
    <rPh sb="4" eb="5">
      <t>コ</t>
    </rPh>
    <rPh sb="8" eb="9">
      <t>ワラ</t>
    </rPh>
    <rPh sb="10" eb="11">
      <t>ゴエ</t>
    </rPh>
    <phoneticPr fontId="2"/>
  </si>
  <si>
    <r>
      <rPr>
        <b/>
        <u/>
        <sz val="14"/>
        <color indexed="8"/>
        <rFont val="HGP教科書体"/>
        <family val="1"/>
        <charset val="128"/>
      </rPr>
      <t>タンニン</t>
    </r>
    <r>
      <rPr>
        <sz val="14"/>
        <color indexed="8"/>
        <rFont val="HGP教科書体"/>
        <family val="1"/>
        <charset val="128"/>
      </rPr>
      <t>の先生のお話。</t>
    </r>
    <rPh sb="5" eb="7">
      <t>センセイ</t>
    </rPh>
    <rPh sb="9" eb="10">
      <t>ハナシ</t>
    </rPh>
    <phoneticPr fontId="2"/>
  </si>
  <si>
    <r>
      <rPr>
        <b/>
        <u/>
        <sz val="14"/>
        <color indexed="8"/>
        <rFont val="HGP教科書体"/>
        <family val="1"/>
        <charset val="128"/>
      </rPr>
      <t>宗教</t>
    </r>
    <r>
      <rPr>
        <sz val="14"/>
        <color indexed="8"/>
        <rFont val="HGP教科書体"/>
        <family val="1"/>
        <charset val="128"/>
      </rPr>
      <t>を信こうする。</t>
    </r>
    <rPh sb="0" eb="2">
      <t>シュウキョウ</t>
    </rPh>
    <rPh sb="3" eb="4">
      <t>シン</t>
    </rPh>
    <phoneticPr fontId="2"/>
  </si>
  <si>
    <r>
      <t>かれの</t>
    </r>
    <r>
      <rPr>
        <b/>
        <u/>
        <sz val="14"/>
        <color indexed="8"/>
        <rFont val="HGP教科書体"/>
        <family val="1"/>
        <charset val="128"/>
      </rPr>
      <t>専門</t>
    </r>
    <r>
      <rPr>
        <sz val="14"/>
        <color indexed="8"/>
        <rFont val="HGP教科書体"/>
        <family val="1"/>
        <charset val="128"/>
      </rPr>
      <t>は天文学だ。</t>
    </r>
    <rPh sb="3" eb="5">
      <t>センモン</t>
    </rPh>
    <rPh sb="6" eb="9">
      <t>テンモンガク</t>
    </rPh>
    <phoneticPr fontId="1"/>
  </si>
  <si>
    <r>
      <rPr>
        <b/>
        <u/>
        <sz val="14"/>
        <color indexed="8"/>
        <rFont val="HGP教科書体"/>
        <family val="1"/>
        <charset val="128"/>
      </rPr>
      <t>背景</t>
    </r>
    <r>
      <rPr>
        <sz val="14"/>
        <color indexed="8"/>
        <rFont val="HGP教科書体"/>
        <family val="1"/>
        <charset val="128"/>
      </rPr>
      <t>を細かくえがいた絵。</t>
    </r>
    <rPh sb="0" eb="2">
      <t>ハイケイ</t>
    </rPh>
    <rPh sb="3" eb="4">
      <t>コマ</t>
    </rPh>
    <rPh sb="10" eb="11">
      <t>エ</t>
    </rPh>
    <phoneticPr fontId="1"/>
  </si>
  <si>
    <r>
      <t>つり糸を</t>
    </r>
    <r>
      <rPr>
        <b/>
        <u/>
        <sz val="14"/>
        <color indexed="8"/>
        <rFont val="HGP教科書体"/>
        <family val="1"/>
        <charset val="128"/>
      </rPr>
      <t>垂</t>
    </r>
    <r>
      <rPr>
        <sz val="14"/>
        <color indexed="8"/>
        <rFont val="HGP教科書体"/>
        <family val="1"/>
        <charset val="128"/>
      </rPr>
      <t>らす。</t>
    </r>
    <rPh sb="2" eb="3">
      <t>イト</t>
    </rPh>
    <rPh sb="4" eb="5">
      <t>タ</t>
    </rPh>
    <phoneticPr fontId="1"/>
  </si>
  <si>
    <r>
      <t>こう法にも筆の</t>
    </r>
    <r>
      <rPr>
        <b/>
        <u/>
        <sz val="14"/>
        <color indexed="8"/>
        <rFont val="HGP教科書体"/>
        <family val="1"/>
        <charset val="128"/>
      </rPr>
      <t>誤</t>
    </r>
    <r>
      <rPr>
        <sz val="14"/>
        <color indexed="8"/>
        <rFont val="HGP教科書体"/>
        <family val="1"/>
        <charset val="128"/>
      </rPr>
      <t>り。</t>
    </r>
    <rPh sb="2" eb="3">
      <t>ホウ</t>
    </rPh>
    <rPh sb="5" eb="6">
      <t>フデ</t>
    </rPh>
    <rPh sb="7" eb="8">
      <t>アヤマ</t>
    </rPh>
    <phoneticPr fontId="1"/>
  </si>
  <si>
    <r>
      <rPr>
        <b/>
        <u/>
        <sz val="14"/>
        <color indexed="8"/>
        <rFont val="HGP教科書体"/>
        <family val="1"/>
        <charset val="128"/>
      </rPr>
      <t>シュウキョウ</t>
    </r>
    <r>
      <rPr>
        <sz val="14"/>
        <color indexed="8"/>
        <rFont val="HGP教科書体"/>
        <family val="1"/>
        <charset val="128"/>
      </rPr>
      <t>を信こうする。</t>
    </r>
    <rPh sb="7" eb="8">
      <t>シン</t>
    </rPh>
    <phoneticPr fontId="2"/>
  </si>
  <si>
    <r>
      <t>かれの</t>
    </r>
    <r>
      <rPr>
        <b/>
        <u/>
        <sz val="14"/>
        <color indexed="8"/>
        <rFont val="HGP教科書体"/>
        <family val="1"/>
        <charset val="128"/>
      </rPr>
      <t>センモン</t>
    </r>
    <r>
      <rPr>
        <sz val="14"/>
        <color indexed="8"/>
        <rFont val="HGP教科書体"/>
        <family val="1"/>
        <charset val="128"/>
      </rPr>
      <t>は天文学だ。</t>
    </r>
    <rPh sb="8" eb="11">
      <t>テンモンガク</t>
    </rPh>
    <phoneticPr fontId="1"/>
  </si>
  <si>
    <r>
      <rPr>
        <b/>
        <u/>
        <sz val="14"/>
        <color indexed="8"/>
        <rFont val="HGP教科書体"/>
        <family val="1"/>
        <charset val="128"/>
      </rPr>
      <t>ハイケイ</t>
    </r>
    <r>
      <rPr>
        <sz val="14"/>
        <color indexed="8"/>
        <rFont val="HGP教科書体"/>
        <family val="1"/>
        <charset val="128"/>
      </rPr>
      <t>を細かくえがいた絵。</t>
    </r>
    <rPh sb="5" eb="6">
      <t>コマ</t>
    </rPh>
    <rPh sb="12" eb="13">
      <t>エ</t>
    </rPh>
    <phoneticPr fontId="1"/>
  </si>
  <si>
    <r>
      <t>つり糸を</t>
    </r>
    <r>
      <rPr>
        <b/>
        <u/>
        <sz val="14"/>
        <color indexed="8"/>
        <rFont val="HGP教科書体"/>
        <family val="1"/>
        <charset val="128"/>
      </rPr>
      <t>タ</t>
    </r>
    <r>
      <rPr>
        <sz val="14"/>
        <color indexed="8"/>
        <rFont val="HGP教科書体"/>
        <family val="1"/>
        <charset val="128"/>
      </rPr>
      <t>らす。</t>
    </r>
    <rPh sb="2" eb="3">
      <t>イト</t>
    </rPh>
    <phoneticPr fontId="1"/>
  </si>
  <si>
    <r>
      <t>こう法にも筆の</t>
    </r>
    <r>
      <rPr>
        <b/>
        <u/>
        <sz val="14"/>
        <color indexed="8"/>
        <rFont val="HGP教科書体"/>
        <family val="1"/>
        <charset val="128"/>
      </rPr>
      <t>アヤマ</t>
    </r>
    <r>
      <rPr>
        <sz val="14"/>
        <color indexed="8"/>
        <rFont val="HGP教科書体"/>
        <family val="1"/>
        <charset val="128"/>
      </rPr>
      <t>り。</t>
    </r>
    <rPh sb="2" eb="3">
      <t>ホウ</t>
    </rPh>
    <rPh sb="5" eb="6">
      <t>フデ</t>
    </rPh>
    <phoneticPr fontId="1"/>
  </si>
  <si>
    <r>
      <t>いくつかの</t>
    </r>
    <r>
      <rPr>
        <b/>
        <u/>
        <sz val="14"/>
        <color indexed="8"/>
        <rFont val="HGP教科書体"/>
        <family val="1"/>
        <charset val="128"/>
      </rPr>
      <t>疑問</t>
    </r>
    <r>
      <rPr>
        <sz val="14"/>
        <color indexed="8"/>
        <rFont val="HGP教科書体"/>
        <family val="1"/>
        <charset val="128"/>
      </rPr>
      <t>が残る。</t>
    </r>
    <rPh sb="5" eb="7">
      <t>ギモン</t>
    </rPh>
    <rPh sb="8" eb="9">
      <t>ノコ</t>
    </rPh>
    <phoneticPr fontId="1"/>
  </si>
  <si>
    <r>
      <rPr>
        <b/>
        <u/>
        <sz val="14"/>
        <color theme="1"/>
        <rFont val="HGP教科書体"/>
        <family val="1"/>
        <charset val="128"/>
      </rPr>
      <t>ウチュウリョコウ</t>
    </r>
    <r>
      <rPr>
        <sz val="14"/>
        <color theme="1"/>
        <rFont val="HGP教科書体"/>
        <family val="1"/>
        <charset val="128"/>
      </rPr>
      <t>へ出かける。</t>
    </r>
    <rPh sb="9" eb="10">
      <t>デ</t>
    </rPh>
    <phoneticPr fontId="1"/>
  </si>
  <si>
    <r>
      <rPr>
        <b/>
        <u/>
        <sz val="14"/>
        <color indexed="8"/>
        <rFont val="HGP教科書体"/>
        <family val="1"/>
        <charset val="128"/>
      </rPr>
      <t>宇宙旅行</t>
    </r>
    <r>
      <rPr>
        <sz val="14"/>
        <color indexed="8"/>
        <rFont val="HGP教科書体"/>
        <family val="1"/>
        <charset val="128"/>
      </rPr>
      <t>へ出かける。</t>
    </r>
    <rPh sb="0" eb="2">
      <t>ウチュウ</t>
    </rPh>
    <rPh sb="2" eb="4">
      <t>リョコウ</t>
    </rPh>
    <rPh sb="5" eb="6">
      <t>デ</t>
    </rPh>
    <phoneticPr fontId="1"/>
  </si>
  <si>
    <r>
      <rPr>
        <b/>
        <u/>
        <sz val="14"/>
        <color theme="1"/>
        <rFont val="HGP教科書体"/>
        <family val="1"/>
        <charset val="128"/>
      </rPr>
      <t>バン</t>
    </r>
    <r>
      <rPr>
        <sz val="14"/>
        <color theme="1"/>
        <rFont val="HGP教科書体"/>
        <family val="1"/>
        <charset val="128"/>
      </rPr>
      <t>ご飯</t>
    </r>
    <r>
      <rPr>
        <sz val="14"/>
        <color indexed="8"/>
        <rFont val="HGP教科書体"/>
        <family val="1"/>
        <charset val="128"/>
      </rPr>
      <t>を食べる。</t>
    </r>
    <rPh sb="3" eb="4">
      <t>ハン</t>
    </rPh>
    <rPh sb="5" eb="6">
      <t>タ</t>
    </rPh>
    <phoneticPr fontId="1"/>
  </si>
  <si>
    <r>
      <rPr>
        <b/>
        <u/>
        <sz val="14"/>
        <color theme="1"/>
        <rFont val="HGP教科書体"/>
        <family val="1"/>
        <charset val="128"/>
      </rPr>
      <t>晩</t>
    </r>
    <r>
      <rPr>
        <sz val="14"/>
        <color theme="1"/>
        <rFont val="HGP教科書体"/>
        <family val="1"/>
        <charset val="128"/>
      </rPr>
      <t>ご</t>
    </r>
    <r>
      <rPr>
        <sz val="14"/>
        <color indexed="8"/>
        <rFont val="HGP教科書体"/>
        <family val="1"/>
        <charset val="128"/>
      </rPr>
      <t>飯を食べる。</t>
    </r>
    <rPh sb="0" eb="1">
      <t>バン</t>
    </rPh>
    <rPh sb="2" eb="3">
      <t>ハン</t>
    </rPh>
    <rPh sb="4" eb="5">
      <t>タ</t>
    </rPh>
    <phoneticPr fontId="1"/>
  </si>
  <si>
    <r>
      <t>下校の</t>
    </r>
    <r>
      <rPr>
        <b/>
        <u/>
        <sz val="14"/>
        <color indexed="8"/>
        <rFont val="HGP教科書体"/>
        <family val="1"/>
        <charset val="128"/>
      </rPr>
      <t>ジコク</t>
    </r>
    <r>
      <rPr>
        <sz val="14"/>
        <color indexed="8"/>
        <rFont val="HGP教科書体"/>
        <family val="1"/>
        <charset val="128"/>
      </rPr>
      <t>になった。</t>
    </r>
    <rPh sb="0" eb="2">
      <t>ゲコウ</t>
    </rPh>
    <phoneticPr fontId="1"/>
  </si>
  <si>
    <r>
      <t>楽な</t>
    </r>
    <r>
      <rPr>
        <b/>
        <u/>
        <sz val="14"/>
        <color indexed="8"/>
        <rFont val="HGP教科書体"/>
        <family val="1"/>
        <charset val="128"/>
      </rPr>
      <t>シセイ</t>
    </r>
    <r>
      <rPr>
        <sz val="14"/>
        <color indexed="8"/>
        <rFont val="HGP教科書体"/>
        <family val="1"/>
        <charset val="128"/>
      </rPr>
      <t>で話を聞く。</t>
    </r>
    <rPh sb="0" eb="1">
      <t>ラク</t>
    </rPh>
    <rPh sb="6" eb="7">
      <t>ハナ</t>
    </rPh>
    <rPh sb="8" eb="9">
      <t>キ</t>
    </rPh>
    <phoneticPr fontId="1"/>
  </si>
  <si>
    <r>
      <rPr>
        <sz val="14"/>
        <color indexed="8"/>
        <rFont val="HGP教科書体"/>
        <family val="1"/>
        <charset val="128"/>
      </rPr>
      <t>人材を</t>
    </r>
    <r>
      <rPr>
        <b/>
        <u/>
        <sz val="14"/>
        <color indexed="8"/>
        <rFont val="HGP教科書体"/>
        <family val="1"/>
        <charset val="128"/>
      </rPr>
      <t>派</t>
    </r>
    <r>
      <rPr>
        <sz val="14"/>
        <color indexed="8"/>
        <rFont val="HGP教科書体"/>
        <family val="1"/>
        <charset val="128"/>
      </rPr>
      <t>けんする。</t>
    </r>
    <rPh sb="0" eb="2">
      <t>ジンザイ</t>
    </rPh>
    <rPh sb="3" eb="4">
      <t>ハ</t>
    </rPh>
    <phoneticPr fontId="1"/>
  </si>
  <si>
    <r>
      <t>人材を</t>
    </r>
    <r>
      <rPr>
        <b/>
        <u/>
        <sz val="14"/>
        <color indexed="8"/>
        <rFont val="HGP教科書体"/>
        <family val="1"/>
        <charset val="128"/>
      </rPr>
      <t>ハ</t>
    </r>
    <r>
      <rPr>
        <sz val="14"/>
        <color indexed="8"/>
        <rFont val="HGP教科書体"/>
        <family val="1"/>
        <charset val="128"/>
      </rPr>
      <t>けんする。</t>
    </r>
    <rPh sb="0" eb="2">
      <t>ジンザイ</t>
    </rPh>
    <phoneticPr fontId="1"/>
  </si>
  <si>
    <r>
      <t>学級</t>
    </r>
    <r>
      <rPr>
        <b/>
        <u/>
        <sz val="14"/>
        <color indexed="8"/>
        <rFont val="HGP教科書体"/>
        <family val="1"/>
        <charset val="128"/>
      </rPr>
      <t>ニッシ</t>
    </r>
    <r>
      <rPr>
        <sz val="14"/>
        <color indexed="8"/>
        <rFont val="HGP教科書体"/>
        <family val="1"/>
        <charset val="128"/>
      </rPr>
      <t>を書く。</t>
    </r>
    <rPh sb="0" eb="2">
      <t>ガッキュウ</t>
    </rPh>
    <rPh sb="6" eb="7">
      <t>カ</t>
    </rPh>
    <phoneticPr fontId="2"/>
  </si>
  <si>
    <r>
      <t>まだ</t>
    </r>
    <r>
      <rPr>
        <b/>
        <u/>
        <sz val="14"/>
        <color indexed="8"/>
        <rFont val="HGP教科書体"/>
        <family val="1"/>
        <charset val="128"/>
      </rPr>
      <t>ミジュク</t>
    </r>
    <r>
      <rPr>
        <sz val="14"/>
        <color indexed="8"/>
        <rFont val="HGP教科書体"/>
        <family val="1"/>
        <charset val="128"/>
      </rPr>
      <t>なうで前だ。</t>
    </r>
    <rPh sb="9" eb="10">
      <t>マエ</t>
    </rPh>
    <phoneticPr fontId="2"/>
  </si>
  <si>
    <r>
      <t>学級</t>
    </r>
    <r>
      <rPr>
        <b/>
        <u/>
        <sz val="14"/>
        <color indexed="8"/>
        <rFont val="HGP教科書体"/>
        <family val="1"/>
        <charset val="128"/>
      </rPr>
      <t>日誌</t>
    </r>
    <r>
      <rPr>
        <sz val="14"/>
        <color indexed="8"/>
        <rFont val="HGP教科書体"/>
        <family val="1"/>
        <charset val="128"/>
      </rPr>
      <t>を書く。</t>
    </r>
    <rPh sb="0" eb="2">
      <t>ガッキュウ</t>
    </rPh>
    <rPh sb="2" eb="4">
      <t>ニッシ</t>
    </rPh>
    <rPh sb="5" eb="6">
      <t>カ</t>
    </rPh>
    <phoneticPr fontId="2"/>
  </si>
  <si>
    <r>
      <rPr>
        <b/>
        <u/>
        <sz val="14"/>
        <color indexed="8"/>
        <rFont val="HGP教科書体"/>
        <family val="1"/>
        <charset val="128"/>
      </rPr>
      <t>ベッサツ</t>
    </r>
    <r>
      <rPr>
        <sz val="14"/>
        <color indexed="8"/>
        <rFont val="HGP教科書体"/>
        <family val="1"/>
        <charset val="128"/>
      </rPr>
      <t>の付録。</t>
    </r>
    <rPh sb="5" eb="7">
      <t>フロク</t>
    </rPh>
    <phoneticPr fontId="2"/>
  </si>
  <si>
    <r>
      <t>すぐれた</t>
    </r>
    <r>
      <rPr>
        <b/>
        <u/>
        <sz val="14"/>
        <color indexed="8"/>
        <rFont val="HGP教科書体"/>
        <family val="1"/>
        <charset val="128"/>
      </rPr>
      <t>頭脳</t>
    </r>
    <r>
      <rPr>
        <sz val="14"/>
        <color indexed="8"/>
        <rFont val="HGP教科書体"/>
        <family val="1"/>
        <charset val="128"/>
      </rPr>
      <t>。</t>
    </r>
    <rPh sb="4" eb="6">
      <t>ズノウ</t>
    </rPh>
    <phoneticPr fontId="2"/>
  </si>
  <si>
    <r>
      <t>すぐれた</t>
    </r>
    <r>
      <rPr>
        <b/>
        <u/>
        <sz val="14"/>
        <color indexed="8"/>
        <rFont val="HGP教科書体"/>
        <family val="1"/>
        <charset val="128"/>
      </rPr>
      <t>ズノウ</t>
    </r>
    <r>
      <rPr>
        <sz val="14"/>
        <color indexed="8"/>
        <rFont val="HGP教科書体"/>
        <family val="1"/>
        <charset val="128"/>
      </rPr>
      <t>。</t>
    </r>
    <phoneticPr fontId="2"/>
  </si>
  <si>
    <r>
      <rPr>
        <sz val="14"/>
        <color indexed="8"/>
        <rFont val="HGP教科書体"/>
        <family val="1"/>
        <charset val="128"/>
      </rPr>
      <t>機械を</t>
    </r>
    <r>
      <rPr>
        <b/>
        <u/>
        <sz val="14"/>
        <color indexed="8"/>
        <rFont val="HGP教科書体"/>
        <family val="1"/>
        <charset val="128"/>
      </rPr>
      <t>ソウサ</t>
    </r>
    <r>
      <rPr>
        <sz val="14"/>
        <color indexed="8"/>
        <rFont val="HGP教科書体"/>
        <family val="1"/>
        <charset val="128"/>
      </rPr>
      <t>する。</t>
    </r>
    <rPh sb="0" eb="2">
      <t>キカイ</t>
    </rPh>
    <phoneticPr fontId="1"/>
  </si>
  <si>
    <r>
      <t>機械を</t>
    </r>
    <r>
      <rPr>
        <b/>
        <u/>
        <sz val="14"/>
        <color indexed="8"/>
        <rFont val="HGP教科書体"/>
        <family val="1"/>
        <charset val="128"/>
      </rPr>
      <t>操作</t>
    </r>
    <r>
      <rPr>
        <sz val="14"/>
        <color indexed="8"/>
        <rFont val="HGP教科書体"/>
        <family val="1"/>
        <charset val="128"/>
      </rPr>
      <t>する。</t>
    </r>
    <rPh sb="0" eb="2">
      <t>キカイ</t>
    </rPh>
    <rPh sb="3" eb="5">
      <t>ソウサ</t>
    </rPh>
    <phoneticPr fontId="1"/>
  </si>
  <si>
    <r>
      <t>転んだが、</t>
    </r>
    <r>
      <rPr>
        <b/>
        <u/>
        <sz val="14"/>
        <color theme="1"/>
        <rFont val="HGP教科書体"/>
        <family val="1"/>
        <charset val="128"/>
      </rPr>
      <t>ケイショウ</t>
    </r>
    <r>
      <rPr>
        <sz val="14"/>
        <color theme="1"/>
        <rFont val="HGP教科書体"/>
        <family val="1"/>
        <charset val="128"/>
      </rPr>
      <t>ですんだ。</t>
    </r>
    <rPh sb="0" eb="1">
      <t>コロ</t>
    </rPh>
    <phoneticPr fontId="10"/>
  </si>
  <si>
    <r>
      <rPr>
        <b/>
        <u/>
        <sz val="14"/>
        <color indexed="8"/>
        <rFont val="HGP教科書体"/>
        <family val="1"/>
        <charset val="128"/>
      </rPr>
      <t>ショクヨク</t>
    </r>
    <r>
      <rPr>
        <sz val="14"/>
        <color indexed="8"/>
        <rFont val="HGP教科書体"/>
        <family val="1"/>
        <charset val="128"/>
      </rPr>
      <t>がない。</t>
    </r>
    <phoneticPr fontId="1"/>
  </si>
  <si>
    <r>
      <rPr>
        <b/>
        <u/>
        <sz val="14"/>
        <color indexed="8"/>
        <rFont val="HGP教科書体"/>
        <family val="1"/>
        <charset val="128"/>
      </rPr>
      <t>食欲</t>
    </r>
    <r>
      <rPr>
        <sz val="14"/>
        <color indexed="8"/>
        <rFont val="HGP教科書体"/>
        <family val="1"/>
        <charset val="128"/>
      </rPr>
      <t>がない。</t>
    </r>
    <rPh sb="0" eb="2">
      <t>ショクヨク</t>
    </rPh>
    <phoneticPr fontId="1"/>
  </si>
  <si>
    <r>
      <rPr>
        <b/>
        <u/>
        <sz val="14"/>
        <color indexed="8"/>
        <rFont val="HGP教科書体"/>
        <family val="1"/>
        <charset val="128"/>
      </rPr>
      <t>蒸気</t>
    </r>
    <r>
      <rPr>
        <sz val="14"/>
        <color indexed="8"/>
        <rFont val="HGP教科書体"/>
        <family val="1"/>
        <charset val="128"/>
      </rPr>
      <t>の力で動く。</t>
    </r>
    <rPh sb="0" eb="2">
      <t>ジョウキ</t>
    </rPh>
    <rPh sb="3" eb="4">
      <t>チカラ</t>
    </rPh>
    <rPh sb="5" eb="6">
      <t>ウゴ</t>
    </rPh>
    <phoneticPr fontId="1"/>
  </si>
  <si>
    <r>
      <rPr>
        <b/>
        <u/>
        <sz val="14"/>
        <color indexed="8"/>
        <rFont val="HGP教科書体"/>
        <family val="1"/>
        <charset val="128"/>
      </rPr>
      <t>ジョウキ</t>
    </r>
    <r>
      <rPr>
        <sz val="14"/>
        <color indexed="8"/>
        <rFont val="HGP教科書体"/>
        <family val="1"/>
        <charset val="128"/>
      </rPr>
      <t>の力で動く。</t>
    </r>
    <rPh sb="5" eb="6">
      <t>チカラ</t>
    </rPh>
    <rPh sb="7" eb="8">
      <t>ウゴ</t>
    </rPh>
    <phoneticPr fontId="1"/>
  </si>
  <si>
    <r>
      <rPr>
        <b/>
        <u/>
        <sz val="14"/>
        <color indexed="8"/>
        <rFont val="HGP教科書体"/>
        <family val="1"/>
        <charset val="128"/>
      </rPr>
      <t>ユウビン</t>
    </r>
    <r>
      <rPr>
        <sz val="14"/>
        <color indexed="8"/>
        <rFont val="HGP教科書体"/>
        <family val="1"/>
        <charset val="128"/>
      </rPr>
      <t>切手を買う。</t>
    </r>
    <rPh sb="4" eb="6">
      <t>キッテ</t>
    </rPh>
    <rPh sb="7" eb="8">
      <t>カ</t>
    </rPh>
    <phoneticPr fontId="1"/>
  </si>
  <si>
    <r>
      <rPr>
        <b/>
        <u/>
        <sz val="14"/>
        <color indexed="8"/>
        <rFont val="HGP教科書体"/>
        <family val="1"/>
        <charset val="128"/>
      </rPr>
      <t>郵便</t>
    </r>
    <r>
      <rPr>
        <sz val="14"/>
        <color indexed="8"/>
        <rFont val="HGP教科書体"/>
        <family val="1"/>
        <charset val="128"/>
      </rPr>
      <t>切手を買う。</t>
    </r>
    <rPh sb="0" eb="2">
      <t>ユウビン</t>
    </rPh>
    <rPh sb="2" eb="4">
      <t>キッテ</t>
    </rPh>
    <rPh sb="5" eb="6">
      <t>カ</t>
    </rPh>
    <phoneticPr fontId="1"/>
  </si>
  <si>
    <r>
      <t>不安を取り</t>
    </r>
    <r>
      <rPr>
        <b/>
        <u/>
        <sz val="14"/>
        <color indexed="8"/>
        <rFont val="HGP教科書体"/>
        <family val="1"/>
        <charset val="128"/>
      </rPr>
      <t>ノゾ</t>
    </r>
    <r>
      <rPr>
        <sz val="14"/>
        <color indexed="8"/>
        <rFont val="HGP教科書体"/>
        <family val="1"/>
        <charset val="128"/>
      </rPr>
      <t>く。</t>
    </r>
    <rPh sb="0" eb="2">
      <t>フアン</t>
    </rPh>
    <rPh sb="3" eb="4">
      <t>ト</t>
    </rPh>
    <phoneticPr fontId="1"/>
  </si>
  <si>
    <r>
      <t>うわさを</t>
    </r>
    <r>
      <rPr>
        <b/>
        <u/>
        <sz val="14"/>
        <color indexed="8"/>
        <rFont val="HGP教科書体"/>
        <family val="1"/>
        <charset val="128"/>
      </rPr>
      <t>ヒテイ</t>
    </r>
    <r>
      <rPr>
        <sz val="14"/>
        <color indexed="8"/>
        <rFont val="HGP教科書体"/>
        <family val="1"/>
        <charset val="128"/>
      </rPr>
      <t>する。</t>
    </r>
    <phoneticPr fontId="1"/>
  </si>
  <si>
    <r>
      <rPr>
        <sz val="14"/>
        <color indexed="8"/>
        <rFont val="HGP教科書体"/>
        <family val="1"/>
        <charset val="128"/>
      </rPr>
      <t>うわさを</t>
    </r>
    <r>
      <rPr>
        <b/>
        <u/>
        <sz val="14"/>
        <color indexed="8"/>
        <rFont val="HGP教科書体"/>
        <family val="1"/>
        <charset val="128"/>
      </rPr>
      <t>否定</t>
    </r>
    <r>
      <rPr>
        <sz val="14"/>
        <color indexed="8"/>
        <rFont val="HGP教科書体"/>
        <family val="1"/>
        <charset val="128"/>
      </rPr>
      <t>する。</t>
    </r>
    <rPh sb="4" eb="6">
      <t>ヒテイ</t>
    </rPh>
    <phoneticPr fontId="1"/>
  </si>
  <si>
    <r>
      <t>江戸時代の</t>
    </r>
    <r>
      <rPr>
        <b/>
        <u/>
        <sz val="14"/>
        <color indexed="8"/>
        <rFont val="HGP教科書体"/>
        <family val="1"/>
        <charset val="128"/>
      </rPr>
      <t>幕府</t>
    </r>
    <r>
      <rPr>
        <sz val="14"/>
        <color indexed="8"/>
        <rFont val="HGP教科書体"/>
        <family val="1"/>
        <charset val="128"/>
      </rPr>
      <t>。</t>
    </r>
    <rPh sb="0" eb="2">
      <t>エド</t>
    </rPh>
    <rPh sb="2" eb="4">
      <t>ジダイ</t>
    </rPh>
    <rPh sb="5" eb="7">
      <t>バクフ</t>
    </rPh>
    <phoneticPr fontId="1"/>
  </si>
  <si>
    <r>
      <t>江戸時代の</t>
    </r>
    <r>
      <rPr>
        <b/>
        <u/>
        <sz val="14"/>
        <color indexed="8"/>
        <rFont val="HGP教科書体"/>
        <family val="1"/>
        <charset val="128"/>
      </rPr>
      <t>バクフ</t>
    </r>
    <r>
      <rPr>
        <sz val="14"/>
        <color indexed="8"/>
        <rFont val="HGP教科書体"/>
        <family val="1"/>
        <charset val="128"/>
      </rPr>
      <t>。</t>
    </r>
    <rPh sb="0" eb="2">
      <t>エド</t>
    </rPh>
    <rPh sb="2" eb="4">
      <t>ジダイ</t>
    </rPh>
    <phoneticPr fontId="1"/>
  </si>
  <si>
    <r>
      <rPr>
        <b/>
        <u/>
        <sz val="14"/>
        <color indexed="8"/>
        <rFont val="HGP教科書体"/>
        <family val="1"/>
        <charset val="128"/>
      </rPr>
      <t>厳</t>
    </r>
    <r>
      <rPr>
        <sz val="14"/>
        <color indexed="8"/>
        <rFont val="HGP教科書体"/>
        <family val="1"/>
        <charset val="128"/>
      </rPr>
      <t>しい暑さが続く。</t>
    </r>
    <rPh sb="0" eb="1">
      <t>キビ</t>
    </rPh>
    <rPh sb="3" eb="4">
      <t>アツ</t>
    </rPh>
    <rPh sb="6" eb="7">
      <t>ツヅ</t>
    </rPh>
    <phoneticPr fontId="1"/>
  </si>
  <si>
    <r>
      <rPr>
        <b/>
        <u/>
        <sz val="14"/>
        <color indexed="8"/>
        <rFont val="HGP教科書体"/>
        <family val="1"/>
        <charset val="128"/>
      </rPr>
      <t>コウチャ</t>
    </r>
    <r>
      <rPr>
        <sz val="14"/>
        <color indexed="8"/>
        <rFont val="HGP教科書体"/>
        <family val="1"/>
        <charset val="128"/>
      </rPr>
      <t>を飲む。</t>
    </r>
    <rPh sb="5" eb="6">
      <t>ノ</t>
    </rPh>
    <phoneticPr fontId="1"/>
  </si>
  <si>
    <r>
      <rPr>
        <sz val="14"/>
        <color indexed="8"/>
        <rFont val="HGP教科書体"/>
        <family val="1"/>
        <charset val="128"/>
      </rPr>
      <t>洗たく物を</t>
    </r>
    <r>
      <rPr>
        <b/>
        <u/>
        <sz val="14"/>
        <color indexed="8"/>
        <rFont val="HGP教科書体"/>
        <family val="1"/>
        <charset val="128"/>
      </rPr>
      <t>ホ</t>
    </r>
    <r>
      <rPr>
        <sz val="14"/>
        <color indexed="8"/>
        <rFont val="HGP教科書体"/>
        <family val="1"/>
        <charset val="128"/>
      </rPr>
      <t>す。</t>
    </r>
    <rPh sb="0" eb="1">
      <t>セン</t>
    </rPh>
    <rPh sb="3" eb="4">
      <t>モノ</t>
    </rPh>
    <phoneticPr fontId="1"/>
  </si>
  <si>
    <r>
      <rPr>
        <b/>
        <u/>
        <sz val="14"/>
        <color indexed="8"/>
        <rFont val="HGP教科書体"/>
        <family val="1"/>
        <charset val="128"/>
      </rPr>
      <t>紅茶</t>
    </r>
    <r>
      <rPr>
        <sz val="14"/>
        <color indexed="8"/>
        <rFont val="HGP教科書体"/>
        <family val="1"/>
        <charset val="128"/>
      </rPr>
      <t>を飲む。</t>
    </r>
    <rPh sb="0" eb="2">
      <t>コウチャ</t>
    </rPh>
    <rPh sb="3" eb="4">
      <t>ノ</t>
    </rPh>
    <phoneticPr fontId="1"/>
  </si>
  <si>
    <r>
      <t>洗たく物を</t>
    </r>
    <r>
      <rPr>
        <b/>
        <u/>
        <sz val="14"/>
        <color indexed="8"/>
        <rFont val="HGP教科書体"/>
        <family val="1"/>
        <charset val="128"/>
      </rPr>
      <t>干</t>
    </r>
    <r>
      <rPr>
        <sz val="14"/>
        <color indexed="8"/>
        <rFont val="HGP教科書体"/>
        <family val="1"/>
        <charset val="128"/>
      </rPr>
      <t>す。</t>
    </r>
    <rPh sb="0" eb="1">
      <t>セン</t>
    </rPh>
    <rPh sb="3" eb="4">
      <t>モノ</t>
    </rPh>
    <rPh sb="5" eb="6">
      <t>ホ</t>
    </rPh>
    <phoneticPr fontId="1"/>
  </si>
  <si>
    <r>
      <t>手紙を</t>
    </r>
    <r>
      <rPr>
        <b/>
        <u/>
        <sz val="14"/>
        <color indexed="8"/>
        <rFont val="HGP教科書体"/>
        <family val="1"/>
        <charset val="128"/>
      </rPr>
      <t>トド</t>
    </r>
    <r>
      <rPr>
        <sz val="14"/>
        <color indexed="8"/>
        <rFont val="HGP教科書体"/>
        <family val="1"/>
        <charset val="128"/>
      </rPr>
      <t>ける。</t>
    </r>
    <rPh sb="0" eb="2">
      <t>テガミ</t>
    </rPh>
    <phoneticPr fontId="1"/>
  </si>
  <si>
    <r>
      <t>手紙を</t>
    </r>
    <r>
      <rPr>
        <b/>
        <u/>
        <sz val="14"/>
        <color indexed="8"/>
        <rFont val="HGP教科書体"/>
        <family val="1"/>
        <charset val="128"/>
      </rPr>
      <t>届</t>
    </r>
    <r>
      <rPr>
        <sz val="14"/>
        <color indexed="8"/>
        <rFont val="HGP教科書体"/>
        <family val="1"/>
        <charset val="128"/>
      </rPr>
      <t>ける。</t>
    </r>
    <rPh sb="0" eb="2">
      <t>テガミ</t>
    </rPh>
    <rPh sb="3" eb="4">
      <t>トド</t>
    </rPh>
    <phoneticPr fontId="1"/>
  </si>
  <si>
    <r>
      <rPr>
        <sz val="14"/>
        <color indexed="8"/>
        <rFont val="HGP教科書体"/>
        <family val="1"/>
        <charset val="128"/>
      </rPr>
      <t>大会で</t>
    </r>
    <r>
      <rPr>
        <b/>
        <u/>
        <sz val="14"/>
        <color indexed="8"/>
        <rFont val="HGP教科書体"/>
        <family val="1"/>
        <charset val="128"/>
      </rPr>
      <t>ユウショウ</t>
    </r>
    <r>
      <rPr>
        <sz val="14"/>
        <color indexed="8"/>
        <rFont val="HGP教科書体"/>
        <family val="1"/>
        <charset val="128"/>
      </rPr>
      <t>する。</t>
    </r>
    <rPh sb="0" eb="2">
      <t>タイカイ</t>
    </rPh>
    <phoneticPr fontId="1"/>
  </si>
  <si>
    <r>
      <rPr>
        <sz val="14"/>
        <color indexed="8"/>
        <rFont val="HGP教科書体"/>
        <family val="1"/>
        <charset val="128"/>
      </rPr>
      <t>大会で</t>
    </r>
    <r>
      <rPr>
        <b/>
        <u/>
        <sz val="14"/>
        <color indexed="8"/>
        <rFont val="HGP教科書体"/>
        <family val="1"/>
        <charset val="128"/>
      </rPr>
      <t>優勝</t>
    </r>
    <r>
      <rPr>
        <sz val="14"/>
        <color indexed="8"/>
        <rFont val="HGP教科書体"/>
        <family val="1"/>
        <charset val="128"/>
      </rPr>
      <t>する。</t>
    </r>
    <rPh sb="0" eb="2">
      <t>タイカイ</t>
    </rPh>
    <rPh sb="3" eb="5">
      <t>ユウショウ</t>
    </rPh>
    <phoneticPr fontId="1"/>
  </si>
  <si>
    <r>
      <rPr>
        <sz val="14"/>
        <color indexed="8"/>
        <rFont val="HGP教科書体"/>
        <family val="1"/>
        <charset val="128"/>
      </rPr>
      <t>税金を</t>
    </r>
    <r>
      <rPr>
        <b/>
        <u/>
        <sz val="14"/>
        <color indexed="8"/>
        <rFont val="HGP教科書体"/>
        <family val="1"/>
        <charset val="128"/>
      </rPr>
      <t>納</t>
    </r>
    <r>
      <rPr>
        <sz val="14"/>
        <color indexed="8"/>
        <rFont val="HGP教科書体"/>
        <family val="1"/>
        <charset val="128"/>
      </rPr>
      <t>める。</t>
    </r>
    <rPh sb="0" eb="2">
      <t>ゼイキン</t>
    </rPh>
    <rPh sb="3" eb="4">
      <t>オサ</t>
    </rPh>
    <phoneticPr fontId="1"/>
  </si>
  <si>
    <r>
      <t>税金を</t>
    </r>
    <r>
      <rPr>
        <b/>
        <u/>
        <sz val="14"/>
        <color indexed="8"/>
        <rFont val="HGP教科書体"/>
        <family val="1"/>
        <charset val="128"/>
      </rPr>
      <t>オサ</t>
    </r>
    <r>
      <rPr>
        <sz val="14"/>
        <color indexed="8"/>
        <rFont val="HGP教科書体"/>
        <family val="1"/>
        <charset val="128"/>
      </rPr>
      <t>める。</t>
    </r>
    <rPh sb="0" eb="2">
      <t>ゼイキン</t>
    </rPh>
    <phoneticPr fontId="1"/>
  </si>
  <si>
    <r>
      <rPr>
        <b/>
        <u/>
        <sz val="14"/>
        <color indexed="8"/>
        <rFont val="HGP教科書体"/>
        <family val="1"/>
        <charset val="128"/>
      </rPr>
      <t>革命</t>
    </r>
    <r>
      <rPr>
        <sz val="14"/>
        <color indexed="8"/>
        <rFont val="HGP教科書体"/>
        <family val="1"/>
        <charset val="128"/>
      </rPr>
      <t>が起きる。</t>
    </r>
    <rPh sb="0" eb="2">
      <t>カクメイ</t>
    </rPh>
    <rPh sb="3" eb="4">
      <t>オ</t>
    </rPh>
    <phoneticPr fontId="1"/>
  </si>
  <si>
    <r>
      <rPr>
        <b/>
        <u/>
        <sz val="14"/>
        <color indexed="8"/>
        <rFont val="HGP教科書体"/>
        <family val="1"/>
        <charset val="128"/>
      </rPr>
      <t>カクメイ</t>
    </r>
    <r>
      <rPr>
        <sz val="14"/>
        <color indexed="8"/>
        <rFont val="HGP教科書体"/>
        <family val="1"/>
        <charset val="128"/>
      </rPr>
      <t>が起きる。</t>
    </r>
    <rPh sb="5" eb="6">
      <t>オ</t>
    </rPh>
    <phoneticPr fontId="1"/>
  </si>
  <si>
    <r>
      <rPr>
        <b/>
        <u/>
        <sz val="14"/>
        <color indexed="8"/>
        <rFont val="HGP教科書体"/>
        <family val="1"/>
        <charset val="128"/>
      </rPr>
      <t>キリツ</t>
    </r>
    <r>
      <rPr>
        <sz val="14"/>
        <color indexed="8"/>
        <rFont val="HGP教科書体"/>
        <family val="1"/>
        <charset val="128"/>
      </rPr>
      <t>を守る。</t>
    </r>
    <rPh sb="4" eb="5">
      <t>マモ</t>
    </rPh>
    <phoneticPr fontId="1"/>
  </si>
  <si>
    <r>
      <rPr>
        <b/>
        <u/>
        <sz val="14"/>
        <color indexed="8"/>
        <rFont val="HGP教科書体"/>
        <family val="1"/>
        <charset val="128"/>
      </rPr>
      <t>規律</t>
    </r>
    <r>
      <rPr>
        <sz val="14"/>
        <color indexed="8"/>
        <rFont val="HGP教科書体"/>
        <family val="1"/>
        <charset val="128"/>
      </rPr>
      <t>を守る。</t>
    </r>
    <rPh sb="0" eb="2">
      <t>キリツ</t>
    </rPh>
    <rPh sb="3" eb="4">
      <t>マモ</t>
    </rPh>
    <phoneticPr fontId="1"/>
  </si>
  <si>
    <r>
      <t>銀行に</t>
    </r>
    <r>
      <rPr>
        <b/>
        <u/>
        <sz val="14"/>
        <color indexed="8"/>
        <rFont val="HGP教科書体"/>
        <family val="1"/>
        <charset val="128"/>
      </rPr>
      <t>シュウショク</t>
    </r>
    <r>
      <rPr>
        <sz val="14"/>
        <color indexed="8"/>
        <rFont val="HGP教科書体"/>
        <family val="1"/>
        <charset val="128"/>
      </rPr>
      <t>する。</t>
    </r>
    <rPh sb="0" eb="2">
      <t>ギンコウ</t>
    </rPh>
    <phoneticPr fontId="1"/>
  </si>
  <si>
    <r>
      <rPr>
        <sz val="14"/>
        <color indexed="8"/>
        <rFont val="HGP教科書体"/>
        <family val="1"/>
        <charset val="128"/>
      </rPr>
      <t>銀行に</t>
    </r>
    <r>
      <rPr>
        <b/>
        <u/>
        <sz val="14"/>
        <color indexed="8"/>
        <rFont val="HGP教科書体"/>
        <family val="1"/>
        <charset val="128"/>
      </rPr>
      <t>就職</t>
    </r>
    <r>
      <rPr>
        <sz val="14"/>
        <color indexed="8"/>
        <rFont val="HGP教科書体"/>
        <family val="1"/>
        <charset val="128"/>
      </rPr>
      <t>する。</t>
    </r>
    <rPh sb="0" eb="2">
      <t>ギンコウ</t>
    </rPh>
    <rPh sb="3" eb="5">
      <t>シュウショク</t>
    </rPh>
    <phoneticPr fontId="1"/>
  </si>
  <si>
    <r>
      <t>バスの</t>
    </r>
    <r>
      <rPr>
        <b/>
        <u/>
        <sz val="14"/>
        <color theme="1"/>
        <rFont val="HGP教科書体"/>
        <family val="1"/>
        <charset val="128"/>
      </rPr>
      <t>ザセキ</t>
    </r>
    <r>
      <rPr>
        <sz val="14"/>
        <color theme="1"/>
        <rFont val="HGP教科書体"/>
        <family val="1"/>
        <charset val="128"/>
      </rPr>
      <t>を決める</t>
    </r>
    <r>
      <rPr>
        <sz val="14"/>
        <color indexed="8"/>
        <rFont val="HGP教科書体"/>
        <family val="1"/>
        <charset val="128"/>
      </rPr>
      <t>。</t>
    </r>
    <rPh sb="7" eb="8">
      <t>キ</t>
    </rPh>
    <phoneticPr fontId="1"/>
  </si>
  <si>
    <r>
      <t>バスの</t>
    </r>
    <r>
      <rPr>
        <b/>
        <u/>
        <sz val="14"/>
        <color indexed="8"/>
        <rFont val="HGP教科書体"/>
        <family val="1"/>
        <charset val="128"/>
      </rPr>
      <t>座席</t>
    </r>
    <r>
      <rPr>
        <sz val="14"/>
        <color indexed="8"/>
        <rFont val="HGP教科書体"/>
        <family val="1"/>
        <charset val="128"/>
      </rPr>
      <t>を決める。</t>
    </r>
    <rPh sb="3" eb="5">
      <t>ザセキ</t>
    </rPh>
    <rPh sb="6" eb="7">
      <t>キ</t>
    </rPh>
    <phoneticPr fontId="1"/>
  </si>
  <si>
    <r>
      <rPr>
        <sz val="14"/>
        <color indexed="8"/>
        <rFont val="HGP教科書体"/>
        <family val="1"/>
        <charset val="128"/>
      </rPr>
      <t>入会を</t>
    </r>
    <r>
      <rPr>
        <b/>
        <u/>
        <sz val="14"/>
        <color indexed="8"/>
        <rFont val="HGP教科書体"/>
        <family val="1"/>
        <charset val="128"/>
      </rPr>
      <t>ミト</t>
    </r>
    <r>
      <rPr>
        <sz val="14"/>
        <color indexed="8"/>
        <rFont val="HGP教科書体"/>
        <family val="1"/>
        <charset val="128"/>
      </rPr>
      <t>める。</t>
    </r>
    <rPh sb="0" eb="2">
      <t>ニュウカイ</t>
    </rPh>
    <phoneticPr fontId="1"/>
  </si>
  <si>
    <r>
      <t>入会を</t>
    </r>
    <r>
      <rPr>
        <b/>
        <u/>
        <sz val="14"/>
        <color indexed="8"/>
        <rFont val="HGP教科書体"/>
        <family val="1"/>
        <charset val="128"/>
      </rPr>
      <t>認</t>
    </r>
    <r>
      <rPr>
        <sz val="14"/>
        <color indexed="8"/>
        <rFont val="HGP教科書体"/>
        <family val="1"/>
        <charset val="128"/>
      </rPr>
      <t>める。</t>
    </r>
    <rPh sb="0" eb="2">
      <t>ニュウカイ</t>
    </rPh>
    <rPh sb="3" eb="4">
      <t>ミト</t>
    </rPh>
    <phoneticPr fontId="1"/>
  </si>
  <si>
    <r>
      <t>外の空気を</t>
    </r>
    <r>
      <rPr>
        <b/>
        <u/>
        <sz val="14"/>
        <color indexed="8"/>
        <rFont val="HGP教科書体"/>
        <family val="1"/>
        <charset val="128"/>
      </rPr>
      <t>吸</t>
    </r>
    <r>
      <rPr>
        <sz val="14"/>
        <color indexed="8"/>
        <rFont val="HGP教科書体"/>
        <family val="1"/>
        <charset val="128"/>
      </rPr>
      <t>う。</t>
    </r>
    <rPh sb="0" eb="1">
      <t>ソト</t>
    </rPh>
    <rPh sb="2" eb="4">
      <t>クウキ</t>
    </rPh>
    <rPh sb="5" eb="6">
      <t>ス</t>
    </rPh>
    <phoneticPr fontId="1"/>
  </si>
  <si>
    <r>
      <t>外の空気を</t>
    </r>
    <r>
      <rPr>
        <b/>
        <u/>
        <sz val="14"/>
        <color indexed="8"/>
        <rFont val="HGP教科書体"/>
        <family val="1"/>
        <charset val="128"/>
      </rPr>
      <t>ス</t>
    </r>
    <r>
      <rPr>
        <sz val="14"/>
        <color indexed="8"/>
        <rFont val="HGP教科書体"/>
        <family val="1"/>
        <charset val="128"/>
      </rPr>
      <t>う。</t>
    </r>
    <rPh sb="0" eb="1">
      <t>ソト</t>
    </rPh>
    <rPh sb="2" eb="4">
      <t>クウキ</t>
    </rPh>
    <phoneticPr fontId="1"/>
  </si>
  <si>
    <r>
      <rPr>
        <b/>
        <u/>
        <sz val="14"/>
        <color indexed="8"/>
        <rFont val="HGP教科書体"/>
        <family val="1"/>
        <charset val="128"/>
      </rPr>
      <t>眼鏡</t>
    </r>
    <r>
      <rPr>
        <sz val="14"/>
        <color indexed="8"/>
        <rFont val="HGP教科書体"/>
        <family val="1"/>
        <charset val="128"/>
      </rPr>
      <t>をかける。</t>
    </r>
    <rPh sb="0" eb="2">
      <t>メガネ</t>
    </rPh>
    <phoneticPr fontId="1"/>
  </si>
  <si>
    <r>
      <rPr>
        <b/>
        <u/>
        <sz val="14"/>
        <color indexed="8"/>
        <rFont val="HGP教科書体"/>
        <family val="1"/>
        <charset val="128"/>
      </rPr>
      <t>メガネ</t>
    </r>
    <r>
      <rPr>
        <sz val="14"/>
        <color indexed="8"/>
        <rFont val="HGP教科書体"/>
        <family val="1"/>
        <charset val="128"/>
      </rPr>
      <t>をかける。</t>
    </r>
    <phoneticPr fontId="1"/>
  </si>
  <si>
    <r>
      <t>遊園地で</t>
    </r>
    <r>
      <rPr>
        <b/>
        <u/>
        <sz val="14"/>
        <color indexed="8"/>
        <rFont val="HGP教科書体"/>
        <family val="1"/>
        <charset val="128"/>
      </rPr>
      <t>迷子</t>
    </r>
    <r>
      <rPr>
        <sz val="14"/>
        <color indexed="8"/>
        <rFont val="HGP教科書体"/>
        <family val="1"/>
        <charset val="128"/>
      </rPr>
      <t>になる。</t>
    </r>
    <rPh sb="0" eb="3">
      <t>ユウエンチ</t>
    </rPh>
    <rPh sb="4" eb="6">
      <t>マイゴ</t>
    </rPh>
    <phoneticPr fontId="1"/>
  </si>
  <si>
    <r>
      <t>遊園地で</t>
    </r>
    <r>
      <rPr>
        <b/>
        <u/>
        <sz val="14"/>
        <color indexed="8"/>
        <rFont val="HGP教科書体"/>
        <family val="1"/>
        <charset val="128"/>
      </rPr>
      <t>マイゴ</t>
    </r>
    <r>
      <rPr>
        <sz val="14"/>
        <color indexed="8"/>
        <rFont val="HGP教科書体"/>
        <family val="1"/>
        <charset val="128"/>
      </rPr>
      <t>になる。</t>
    </r>
    <rPh sb="0" eb="3">
      <t>ユウエンチ</t>
    </rPh>
    <phoneticPr fontId="1"/>
  </si>
  <si>
    <r>
      <t>神の</t>
    </r>
    <r>
      <rPr>
        <b/>
        <u/>
        <sz val="14"/>
        <color indexed="8"/>
        <rFont val="HGP教科書体"/>
        <family val="1"/>
        <charset val="128"/>
      </rPr>
      <t>ソンザイ</t>
    </r>
    <r>
      <rPr>
        <sz val="14"/>
        <color indexed="8"/>
        <rFont val="HGP教科書体"/>
        <family val="1"/>
        <charset val="128"/>
      </rPr>
      <t>を信じる。</t>
    </r>
    <rPh sb="0" eb="1">
      <t>カミ</t>
    </rPh>
    <rPh sb="7" eb="8">
      <t>シン</t>
    </rPh>
    <phoneticPr fontId="2"/>
  </si>
  <si>
    <r>
      <rPr>
        <sz val="14"/>
        <color indexed="8"/>
        <rFont val="HGP教科書体"/>
        <family val="1"/>
        <charset val="128"/>
      </rPr>
      <t>神の</t>
    </r>
    <r>
      <rPr>
        <b/>
        <u/>
        <sz val="14"/>
        <color indexed="8"/>
        <rFont val="HGP教科書体"/>
        <family val="1"/>
        <charset val="128"/>
      </rPr>
      <t>存在</t>
    </r>
    <r>
      <rPr>
        <sz val="14"/>
        <color indexed="8"/>
        <rFont val="HGP教科書体"/>
        <family val="1"/>
        <charset val="128"/>
      </rPr>
      <t>を信じる。</t>
    </r>
    <rPh sb="0" eb="1">
      <t>カミ</t>
    </rPh>
    <rPh sb="2" eb="4">
      <t>ソンザイ</t>
    </rPh>
    <rPh sb="5" eb="6">
      <t>シン</t>
    </rPh>
    <phoneticPr fontId="2"/>
  </si>
  <si>
    <r>
      <t>試合で足を</t>
    </r>
    <r>
      <rPr>
        <b/>
        <u/>
        <sz val="14"/>
        <color indexed="8"/>
        <rFont val="HGP教科書体"/>
        <family val="1"/>
        <charset val="128"/>
      </rPr>
      <t>コッセツ</t>
    </r>
    <r>
      <rPr>
        <b/>
        <sz val="14"/>
        <color indexed="8"/>
        <rFont val="HGP教科書体"/>
        <family val="1"/>
        <charset val="128"/>
      </rPr>
      <t>した</t>
    </r>
    <r>
      <rPr>
        <sz val="14"/>
        <color indexed="8"/>
        <rFont val="HGP教科書体"/>
        <family val="1"/>
        <charset val="128"/>
      </rPr>
      <t>。</t>
    </r>
    <rPh sb="0" eb="2">
      <t>シアイ</t>
    </rPh>
    <rPh sb="3" eb="4">
      <t>アシ</t>
    </rPh>
    <phoneticPr fontId="2"/>
  </si>
  <si>
    <r>
      <t>試合で足を</t>
    </r>
    <r>
      <rPr>
        <b/>
        <u/>
        <sz val="14"/>
        <color indexed="8"/>
        <rFont val="HGP教科書体"/>
        <family val="1"/>
        <charset val="128"/>
      </rPr>
      <t>骨折</t>
    </r>
    <r>
      <rPr>
        <sz val="14"/>
        <color indexed="8"/>
        <rFont val="HGP教科書体"/>
        <family val="1"/>
        <charset val="128"/>
      </rPr>
      <t>した。</t>
    </r>
    <rPh sb="0" eb="2">
      <t>シアイ</t>
    </rPh>
    <rPh sb="3" eb="4">
      <t>アシ</t>
    </rPh>
    <rPh sb="5" eb="7">
      <t>コッセツ</t>
    </rPh>
    <phoneticPr fontId="2"/>
  </si>
  <si>
    <r>
      <rPr>
        <b/>
        <u/>
        <sz val="14"/>
        <color indexed="8"/>
        <rFont val="HGP教科書体"/>
        <family val="1"/>
        <charset val="128"/>
      </rPr>
      <t>ケイザイ</t>
    </r>
    <r>
      <rPr>
        <sz val="14"/>
        <color indexed="8"/>
        <rFont val="HGP教科書体"/>
        <family val="1"/>
        <charset val="128"/>
      </rPr>
      <t>について学ぶ。</t>
    </r>
    <rPh sb="8" eb="9">
      <t>マナ</t>
    </rPh>
    <phoneticPr fontId="2"/>
  </si>
  <si>
    <r>
      <rPr>
        <b/>
        <u/>
        <sz val="14"/>
        <color indexed="8"/>
        <rFont val="HGP教科書体"/>
        <family val="1"/>
        <charset val="128"/>
      </rPr>
      <t>経済</t>
    </r>
    <r>
      <rPr>
        <sz val="14"/>
        <color indexed="8"/>
        <rFont val="HGP教科書体"/>
        <family val="1"/>
        <charset val="128"/>
      </rPr>
      <t>について学ぶ。</t>
    </r>
    <rPh sb="0" eb="2">
      <t>ケイザイ</t>
    </rPh>
    <rPh sb="6" eb="7">
      <t>マナ</t>
    </rPh>
    <phoneticPr fontId="2"/>
  </si>
  <si>
    <r>
      <t>夏になって日が</t>
    </r>
    <r>
      <rPr>
        <b/>
        <u/>
        <sz val="14"/>
        <color indexed="8"/>
        <rFont val="HGP教科書体"/>
        <family val="1"/>
        <charset val="128"/>
      </rPr>
      <t>ノ</t>
    </r>
    <r>
      <rPr>
        <sz val="14"/>
        <color indexed="8"/>
        <rFont val="HGP教科書体"/>
        <family val="1"/>
        <charset val="128"/>
      </rPr>
      <t>びた。</t>
    </r>
    <rPh sb="0" eb="1">
      <t>ナツ</t>
    </rPh>
    <rPh sb="5" eb="6">
      <t>ヒ</t>
    </rPh>
    <phoneticPr fontId="1"/>
  </si>
  <si>
    <r>
      <t>夏になって日が</t>
    </r>
    <r>
      <rPr>
        <b/>
        <u/>
        <sz val="14"/>
        <color indexed="8"/>
        <rFont val="HGP教科書体"/>
        <family val="1"/>
        <charset val="128"/>
      </rPr>
      <t>延</t>
    </r>
    <r>
      <rPr>
        <sz val="14"/>
        <color indexed="8"/>
        <rFont val="HGP教科書体"/>
        <family val="1"/>
        <charset val="128"/>
      </rPr>
      <t>びた。</t>
    </r>
    <rPh sb="0" eb="1">
      <t>ナツ</t>
    </rPh>
    <rPh sb="5" eb="6">
      <t>ヒ</t>
    </rPh>
    <rPh sb="7" eb="8">
      <t>ノ</t>
    </rPh>
    <phoneticPr fontId="1"/>
  </si>
  <si>
    <r>
      <t>かれを級長に</t>
    </r>
    <r>
      <rPr>
        <b/>
        <u/>
        <sz val="14"/>
        <color indexed="8"/>
        <rFont val="HGP教科書体"/>
        <family val="1"/>
        <charset val="128"/>
      </rPr>
      <t>スイ</t>
    </r>
    <r>
      <rPr>
        <sz val="14"/>
        <color indexed="8"/>
        <rFont val="HGP教科書体"/>
        <family val="1"/>
        <charset val="128"/>
      </rPr>
      <t>せんします。</t>
    </r>
    <rPh sb="3" eb="5">
      <t>キュウチョウ</t>
    </rPh>
    <rPh sb="4" eb="5">
      <t>チョウ</t>
    </rPh>
    <phoneticPr fontId="1"/>
  </si>
  <si>
    <r>
      <t>かれを級長に</t>
    </r>
    <r>
      <rPr>
        <b/>
        <u/>
        <sz val="14"/>
        <color indexed="8"/>
        <rFont val="HGP教科書体"/>
        <family val="1"/>
        <charset val="128"/>
      </rPr>
      <t>推</t>
    </r>
    <r>
      <rPr>
        <sz val="14"/>
        <color indexed="8"/>
        <rFont val="HGP教科書体"/>
        <family val="1"/>
        <charset val="128"/>
      </rPr>
      <t>せんします。</t>
    </r>
    <rPh sb="3" eb="5">
      <t>キュウチョウ</t>
    </rPh>
    <rPh sb="4" eb="5">
      <t>チョウ</t>
    </rPh>
    <rPh sb="6" eb="7">
      <t>オ</t>
    </rPh>
    <phoneticPr fontId="1"/>
  </si>
  <si>
    <r>
      <t>この川の</t>
    </r>
    <r>
      <rPr>
        <b/>
        <u/>
        <sz val="14"/>
        <color indexed="8"/>
        <rFont val="HGP教科書体"/>
        <family val="1"/>
        <charset val="128"/>
      </rPr>
      <t>ミナモト</t>
    </r>
    <r>
      <rPr>
        <sz val="14"/>
        <color indexed="8"/>
        <rFont val="HGP教科書体"/>
        <family val="1"/>
        <charset val="128"/>
      </rPr>
      <t>は富士山だ。</t>
    </r>
    <rPh sb="2" eb="3">
      <t>カワ</t>
    </rPh>
    <rPh sb="9" eb="12">
      <t>フジサン</t>
    </rPh>
    <phoneticPr fontId="1"/>
  </si>
  <si>
    <r>
      <t>この川の</t>
    </r>
    <r>
      <rPr>
        <b/>
        <u/>
        <sz val="14"/>
        <color indexed="8"/>
        <rFont val="HGP教科書体"/>
        <family val="1"/>
        <charset val="128"/>
      </rPr>
      <t>源</t>
    </r>
    <r>
      <rPr>
        <sz val="14"/>
        <color indexed="8"/>
        <rFont val="HGP教科書体"/>
        <family val="1"/>
        <charset val="128"/>
      </rPr>
      <t>は富士山だ。</t>
    </r>
    <rPh sb="2" eb="3">
      <t>カワ</t>
    </rPh>
    <rPh sb="4" eb="5">
      <t>ミナモト</t>
    </rPh>
    <rPh sb="6" eb="9">
      <t>フジサン</t>
    </rPh>
    <phoneticPr fontId="1"/>
  </si>
  <si>
    <r>
      <t>ゴミを</t>
    </r>
    <r>
      <rPr>
        <b/>
        <u/>
        <sz val="14"/>
        <color indexed="8"/>
        <rFont val="HGP教科書体"/>
        <family val="1"/>
        <charset val="128"/>
      </rPr>
      <t>捨</t>
    </r>
    <r>
      <rPr>
        <sz val="14"/>
        <color indexed="8"/>
        <rFont val="HGP教科書体"/>
        <family val="1"/>
        <charset val="128"/>
      </rPr>
      <t>てる。</t>
    </r>
    <rPh sb="3" eb="4">
      <t>ス</t>
    </rPh>
    <phoneticPr fontId="1"/>
  </si>
  <si>
    <r>
      <t>ゴミを</t>
    </r>
    <r>
      <rPr>
        <b/>
        <u/>
        <sz val="14"/>
        <color indexed="8"/>
        <rFont val="HGP教科書体"/>
        <family val="1"/>
        <charset val="128"/>
      </rPr>
      <t>ス</t>
    </r>
    <r>
      <rPr>
        <sz val="14"/>
        <color indexed="8"/>
        <rFont val="HGP教科書体"/>
        <family val="1"/>
        <charset val="128"/>
      </rPr>
      <t>てる。</t>
    </r>
    <phoneticPr fontId="1"/>
  </si>
  <si>
    <r>
      <t>今は満ち</t>
    </r>
    <r>
      <rPr>
        <b/>
        <u/>
        <sz val="14"/>
        <color indexed="8"/>
        <rFont val="HGP教科書体"/>
        <family val="1"/>
        <charset val="128"/>
      </rPr>
      <t>シオ</t>
    </r>
    <r>
      <rPr>
        <sz val="14"/>
        <color indexed="8"/>
        <rFont val="HGP教科書体"/>
        <family val="1"/>
        <charset val="128"/>
      </rPr>
      <t>の時間だ。</t>
    </r>
    <rPh sb="0" eb="1">
      <t>イマ</t>
    </rPh>
    <rPh sb="2" eb="3">
      <t>ミ</t>
    </rPh>
    <rPh sb="7" eb="9">
      <t>ジカン</t>
    </rPh>
    <phoneticPr fontId="1"/>
  </si>
  <si>
    <r>
      <t>今は満ち</t>
    </r>
    <r>
      <rPr>
        <b/>
        <u/>
        <sz val="14"/>
        <color indexed="8"/>
        <rFont val="HGP教科書体"/>
        <family val="1"/>
        <charset val="128"/>
      </rPr>
      <t>潮</t>
    </r>
    <r>
      <rPr>
        <sz val="14"/>
        <color indexed="8"/>
        <rFont val="HGP教科書体"/>
        <family val="1"/>
        <charset val="128"/>
      </rPr>
      <t>の時間だ。</t>
    </r>
    <rPh sb="0" eb="1">
      <t>イマ</t>
    </rPh>
    <rPh sb="2" eb="3">
      <t>ミ</t>
    </rPh>
    <rPh sb="4" eb="5">
      <t>シオ</t>
    </rPh>
    <rPh sb="6" eb="8">
      <t>ジカン</t>
    </rPh>
    <phoneticPr fontId="1"/>
  </si>
  <si>
    <r>
      <t>チーズは</t>
    </r>
    <r>
      <rPr>
        <b/>
        <u/>
        <sz val="14"/>
        <color indexed="8"/>
        <rFont val="HGP教科書体"/>
        <family val="1"/>
        <charset val="128"/>
      </rPr>
      <t>ニュウセイヒン</t>
    </r>
    <r>
      <rPr>
        <sz val="14"/>
        <color indexed="8"/>
        <rFont val="HGP教科書体"/>
        <family val="1"/>
        <charset val="128"/>
      </rPr>
      <t>だ。</t>
    </r>
    <phoneticPr fontId="1"/>
  </si>
  <si>
    <r>
      <rPr>
        <sz val="14"/>
        <color indexed="8"/>
        <rFont val="HGP教科書体"/>
        <family val="1"/>
        <charset val="128"/>
      </rPr>
      <t>チーズは</t>
    </r>
    <r>
      <rPr>
        <b/>
        <u/>
        <sz val="14"/>
        <color indexed="8"/>
        <rFont val="HGP教科書体"/>
        <family val="1"/>
        <charset val="128"/>
      </rPr>
      <t>乳製品</t>
    </r>
    <r>
      <rPr>
        <sz val="14"/>
        <color indexed="8"/>
        <rFont val="HGP教科書体"/>
        <family val="1"/>
        <charset val="128"/>
      </rPr>
      <t>だ。</t>
    </r>
    <rPh sb="4" eb="7">
      <t>ニュウセイヒン</t>
    </rPh>
    <phoneticPr fontId="1"/>
  </si>
  <si>
    <r>
      <rPr>
        <b/>
        <u/>
        <sz val="14"/>
        <color indexed="8"/>
        <rFont val="HGP教科書体"/>
        <family val="1"/>
        <charset val="128"/>
      </rPr>
      <t>サイバン</t>
    </r>
    <r>
      <rPr>
        <sz val="14"/>
        <color indexed="8"/>
        <rFont val="HGP教科書体"/>
        <family val="1"/>
        <charset val="128"/>
      </rPr>
      <t>で争う。</t>
    </r>
    <rPh sb="5" eb="6">
      <t>アラソ</t>
    </rPh>
    <phoneticPr fontId="1"/>
  </si>
  <si>
    <r>
      <rPr>
        <b/>
        <u/>
        <sz val="14"/>
        <color indexed="8"/>
        <rFont val="HGP教科書体"/>
        <family val="1"/>
        <charset val="128"/>
      </rPr>
      <t>裁判</t>
    </r>
    <r>
      <rPr>
        <sz val="14"/>
        <color indexed="8"/>
        <rFont val="HGP教科書体"/>
        <family val="1"/>
        <charset val="128"/>
      </rPr>
      <t>で争う。</t>
    </r>
    <rPh sb="0" eb="2">
      <t>サイバン</t>
    </rPh>
    <rPh sb="3" eb="4">
      <t>アラソ</t>
    </rPh>
    <phoneticPr fontId="1"/>
  </si>
  <si>
    <r>
      <t>今月で</t>
    </r>
    <r>
      <rPr>
        <b/>
        <u/>
        <sz val="14"/>
        <color theme="1"/>
        <rFont val="HGP教科書体"/>
        <family val="1"/>
        <charset val="128"/>
      </rPr>
      <t>閉店</t>
    </r>
    <r>
      <rPr>
        <sz val="14"/>
        <color theme="1"/>
        <rFont val="HGP教科書体"/>
        <family val="1"/>
        <charset val="128"/>
      </rPr>
      <t>する</t>
    </r>
    <r>
      <rPr>
        <sz val="14"/>
        <color indexed="8"/>
        <rFont val="HGP教科書体"/>
        <family val="1"/>
        <charset val="128"/>
      </rPr>
      <t>。</t>
    </r>
    <rPh sb="0" eb="2">
      <t>コンゲツ</t>
    </rPh>
    <rPh sb="3" eb="5">
      <t>ヘイテン</t>
    </rPh>
    <phoneticPr fontId="1"/>
  </si>
  <si>
    <r>
      <t>野外にある</t>
    </r>
    <r>
      <rPr>
        <b/>
        <u/>
        <sz val="14"/>
        <color indexed="8"/>
        <rFont val="HGP教科書体"/>
        <family val="1"/>
        <charset val="128"/>
      </rPr>
      <t>ゲキジョウ</t>
    </r>
    <r>
      <rPr>
        <sz val="14"/>
        <color indexed="8"/>
        <rFont val="HGP教科書体"/>
        <family val="1"/>
        <charset val="128"/>
      </rPr>
      <t>。</t>
    </r>
    <rPh sb="0" eb="2">
      <t>ヤガイ</t>
    </rPh>
    <phoneticPr fontId="1"/>
  </si>
  <si>
    <r>
      <rPr>
        <sz val="14"/>
        <color indexed="8"/>
        <rFont val="HGP教科書体"/>
        <family val="1"/>
        <charset val="128"/>
      </rPr>
      <t>野外にある</t>
    </r>
    <r>
      <rPr>
        <b/>
        <u/>
        <sz val="14"/>
        <color indexed="8"/>
        <rFont val="HGP教科書体"/>
        <family val="1"/>
        <charset val="128"/>
      </rPr>
      <t>劇場</t>
    </r>
    <r>
      <rPr>
        <sz val="14"/>
        <color indexed="8"/>
        <rFont val="HGP教科書体"/>
        <family val="1"/>
        <charset val="128"/>
      </rPr>
      <t>。</t>
    </r>
    <rPh sb="0" eb="2">
      <t>ヤガイ</t>
    </rPh>
    <rPh sb="5" eb="7">
      <t>ゲキジョウ</t>
    </rPh>
    <phoneticPr fontId="1"/>
  </si>
  <si>
    <r>
      <t>今月で</t>
    </r>
    <r>
      <rPr>
        <b/>
        <u/>
        <sz val="14"/>
        <color indexed="8"/>
        <rFont val="HGP教科書体"/>
        <family val="1"/>
        <charset val="128"/>
      </rPr>
      <t>ヘイテン</t>
    </r>
    <r>
      <rPr>
        <sz val="14"/>
        <color indexed="8"/>
        <rFont val="HGP教科書体"/>
        <family val="1"/>
        <charset val="128"/>
      </rPr>
      <t>する。</t>
    </r>
    <rPh sb="0" eb="2">
      <t>コンゲツ</t>
    </rPh>
    <phoneticPr fontId="1"/>
  </si>
  <si>
    <r>
      <rPr>
        <b/>
        <u/>
        <sz val="14"/>
        <color indexed="8"/>
        <rFont val="HGP教科書体"/>
        <family val="1"/>
        <charset val="128"/>
      </rPr>
      <t>コウゴウヘイカ</t>
    </r>
    <r>
      <rPr>
        <sz val="14"/>
        <color indexed="8"/>
        <rFont val="HGP教科書体"/>
        <family val="1"/>
        <charset val="128"/>
      </rPr>
      <t>に手をふる。</t>
    </r>
    <rPh sb="8" eb="9">
      <t>テ</t>
    </rPh>
    <phoneticPr fontId="1"/>
  </si>
  <si>
    <r>
      <rPr>
        <b/>
        <u/>
        <sz val="14"/>
        <color indexed="8"/>
        <rFont val="HGP教科書体"/>
        <family val="1"/>
        <charset val="128"/>
      </rPr>
      <t>皇后陛下</t>
    </r>
    <r>
      <rPr>
        <sz val="14"/>
        <color indexed="8"/>
        <rFont val="HGP教科書体"/>
        <family val="1"/>
        <charset val="128"/>
      </rPr>
      <t>に手をふる。</t>
    </r>
    <rPh sb="0" eb="2">
      <t>コウゴウ</t>
    </rPh>
    <rPh sb="2" eb="4">
      <t>ヘイカ</t>
    </rPh>
    <rPh sb="5" eb="6">
      <t>テ</t>
    </rPh>
    <phoneticPr fontId="1"/>
  </si>
  <si>
    <r>
      <t>兄は医者の</t>
    </r>
    <r>
      <rPr>
        <b/>
        <u/>
        <sz val="14"/>
        <color indexed="8"/>
        <rFont val="HGP教科書体"/>
        <family val="1"/>
        <charset val="128"/>
      </rPr>
      <t>卵</t>
    </r>
    <r>
      <rPr>
        <sz val="14"/>
        <color indexed="8"/>
        <rFont val="HGP教科書体"/>
        <family val="1"/>
        <charset val="128"/>
      </rPr>
      <t>だ。</t>
    </r>
    <rPh sb="0" eb="1">
      <t>アニ</t>
    </rPh>
    <rPh sb="2" eb="4">
      <t>イシャ</t>
    </rPh>
    <rPh sb="5" eb="6">
      <t>タマゴ</t>
    </rPh>
    <phoneticPr fontId="1"/>
  </si>
  <si>
    <r>
      <t>兄は医者の</t>
    </r>
    <r>
      <rPr>
        <b/>
        <u/>
        <sz val="14"/>
        <color indexed="8"/>
        <rFont val="HGP教科書体"/>
        <family val="1"/>
        <charset val="128"/>
      </rPr>
      <t>タマゴ</t>
    </r>
    <r>
      <rPr>
        <sz val="14"/>
        <color indexed="8"/>
        <rFont val="HGP教科書体"/>
        <family val="1"/>
        <charset val="128"/>
      </rPr>
      <t>だ。</t>
    </r>
    <rPh sb="0" eb="1">
      <t>アニ</t>
    </rPh>
    <rPh sb="2" eb="4">
      <t>イシャ</t>
    </rPh>
    <phoneticPr fontId="1"/>
  </si>
  <si>
    <r>
      <rPr>
        <b/>
        <u/>
        <sz val="14"/>
        <color indexed="8"/>
        <rFont val="HGP教科書体"/>
        <family val="1"/>
        <charset val="128"/>
      </rPr>
      <t>地域</t>
    </r>
    <r>
      <rPr>
        <sz val="14"/>
        <color indexed="8"/>
        <rFont val="HGP教科書体"/>
        <family val="1"/>
        <charset val="128"/>
      </rPr>
      <t>の方とふれあう。</t>
    </r>
    <rPh sb="0" eb="2">
      <t>チイキ</t>
    </rPh>
    <rPh sb="3" eb="4">
      <t>カタ</t>
    </rPh>
    <phoneticPr fontId="2"/>
  </si>
  <si>
    <r>
      <rPr>
        <b/>
        <u/>
        <sz val="14"/>
        <color indexed="8"/>
        <rFont val="HGP教科書体"/>
        <family val="1"/>
        <charset val="128"/>
      </rPr>
      <t>チイキ</t>
    </r>
    <r>
      <rPr>
        <sz val="14"/>
        <color indexed="8"/>
        <rFont val="HGP教科書体"/>
        <family val="1"/>
        <charset val="128"/>
      </rPr>
      <t>の方とふれあう。</t>
    </r>
    <rPh sb="4" eb="5">
      <t>カタ</t>
    </rPh>
    <phoneticPr fontId="2"/>
  </si>
  <si>
    <r>
      <rPr>
        <b/>
        <u/>
        <sz val="14"/>
        <color theme="1"/>
        <rFont val="HGP教科書体"/>
        <family val="1"/>
        <charset val="128"/>
      </rPr>
      <t>諸国</t>
    </r>
    <r>
      <rPr>
        <sz val="14"/>
        <color theme="1"/>
        <rFont val="HGP教科書体"/>
        <family val="1"/>
        <charset val="128"/>
      </rPr>
      <t>を旅する。</t>
    </r>
    <phoneticPr fontId="10"/>
  </si>
  <si>
    <r>
      <rPr>
        <b/>
        <u/>
        <sz val="14"/>
        <color indexed="8"/>
        <rFont val="HGP教科書体"/>
        <family val="1"/>
        <charset val="128"/>
      </rPr>
      <t>ショコク</t>
    </r>
    <r>
      <rPr>
        <sz val="14"/>
        <color indexed="8"/>
        <rFont val="HGP教科書体"/>
        <family val="1"/>
        <charset val="128"/>
      </rPr>
      <t>を旅する。</t>
    </r>
    <rPh sb="5" eb="6">
      <t>タビ</t>
    </rPh>
    <phoneticPr fontId="1"/>
  </si>
  <si>
    <r>
      <t>六月は</t>
    </r>
    <r>
      <rPr>
        <b/>
        <u/>
        <sz val="14"/>
        <color indexed="8"/>
        <rFont val="HGP教科書体"/>
        <family val="1"/>
        <charset val="128"/>
      </rPr>
      <t>コウスイ</t>
    </r>
    <r>
      <rPr>
        <sz val="14"/>
        <color indexed="8"/>
        <rFont val="HGP教科書体"/>
        <family val="1"/>
        <charset val="128"/>
      </rPr>
      <t>量が多い。</t>
    </r>
    <rPh sb="0" eb="2">
      <t>ロクガツ</t>
    </rPh>
    <rPh sb="7" eb="8">
      <t>リョウ</t>
    </rPh>
    <rPh sb="9" eb="10">
      <t>オオ</t>
    </rPh>
    <rPh sb="11" eb="12">
      <t>スイリョウ</t>
    </rPh>
    <phoneticPr fontId="10"/>
  </si>
  <si>
    <r>
      <t>六月は</t>
    </r>
    <r>
      <rPr>
        <b/>
        <u/>
        <sz val="14"/>
        <color theme="1"/>
        <rFont val="HGP教科書体"/>
        <family val="1"/>
        <charset val="128"/>
      </rPr>
      <t>降水</t>
    </r>
    <r>
      <rPr>
        <sz val="14"/>
        <color theme="1"/>
        <rFont val="HGP教科書体"/>
        <family val="1"/>
        <charset val="128"/>
      </rPr>
      <t>量が多い。</t>
    </r>
    <rPh sb="0" eb="2">
      <t>ロクガツ</t>
    </rPh>
    <rPh sb="3" eb="5">
      <t>コウスイ</t>
    </rPh>
    <rPh sb="5" eb="6">
      <t>リョウ</t>
    </rPh>
    <rPh sb="7" eb="8">
      <t>オオ</t>
    </rPh>
    <rPh sb="9" eb="10">
      <t>オリグチ</t>
    </rPh>
    <phoneticPr fontId="10"/>
  </si>
  <si>
    <r>
      <t>まだ</t>
    </r>
    <r>
      <rPr>
        <b/>
        <u/>
        <sz val="14"/>
        <color indexed="8"/>
        <rFont val="HGP教科書体"/>
        <family val="1"/>
        <charset val="128"/>
      </rPr>
      <t>未熟</t>
    </r>
    <r>
      <rPr>
        <sz val="14"/>
        <color indexed="8"/>
        <rFont val="HGP教科書体"/>
        <family val="1"/>
        <charset val="128"/>
      </rPr>
      <t>なうで前だ。</t>
    </r>
    <rPh sb="2" eb="4">
      <t>ミジュク</t>
    </rPh>
    <rPh sb="7" eb="8">
      <t>マエ</t>
    </rPh>
    <phoneticPr fontId="2"/>
  </si>
  <si>
    <r>
      <t>転んだが、</t>
    </r>
    <r>
      <rPr>
        <b/>
        <u/>
        <sz val="14"/>
        <color indexed="8"/>
        <rFont val="HGP教科書体"/>
        <family val="1"/>
        <charset val="128"/>
      </rPr>
      <t>軽傷</t>
    </r>
    <r>
      <rPr>
        <sz val="14"/>
        <color indexed="8"/>
        <rFont val="HGP教科書体"/>
        <family val="1"/>
        <charset val="128"/>
      </rPr>
      <t>ですんだ。</t>
    </r>
    <rPh sb="0" eb="1">
      <t>コロ</t>
    </rPh>
    <rPh sb="5" eb="7">
      <t>ケイショウ</t>
    </rPh>
    <phoneticPr fontId="1"/>
  </si>
  <si>
    <r>
      <rPr>
        <b/>
        <u/>
        <sz val="14"/>
        <color indexed="8"/>
        <rFont val="HGP教科書体"/>
        <family val="1"/>
        <charset val="128"/>
      </rPr>
      <t>キビ</t>
    </r>
    <r>
      <rPr>
        <sz val="14"/>
        <color indexed="8"/>
        <rFont val="HGP教科書体"/>
        <family val="1"/>
        <charset val="128"/>
      </rPr>
      <t>しい暑さが続く。</t>
    </r>
    <rPh sb="4" eb="5">
      <t>アツ</t>
    </rPh>
    <rPh sb="7" eb="8">
      <t>ツヅ</t>
    </rPh>
    <phoneticPr fontId="1"/>
  </si>
  <si>
    <r>
      <rPr>
        <b/>
        <u/>
        <sz val="14"/>
        <color indexed="8"/>
        <rFont val="HGP教科書体"/>
        <family val="1"/>
        <charset val="128"/>
      </rPr>
      <t>別冊</t>
    </r>
    <r>
      <rPr>
        <sz val="14"/>
        <color indexed="8"/>
        <rFont val="HGP教科書体"/>
        <family val="1"/>
        <charset val="128"/>
      </rPr>
      <t>の付録。</t>
    </r>
    <rPh sb="0" eb="2">
      <t>ベッサツ</t>
    </rPh>
    <rPh sb="3" eb="5">
      <t>フロク</t>
    </rPh>
    <phoneticPr fontId="2"/>
  </si>
  <si>
    <r>
      <t>タンニン</t>
    </r>
    <r>
      <rPr>
        <sz val="14"/>
        <color rgb="FF000000"/>
        <rFont val="HGP教科書体"/>
        <family val="1"/>
        <charset val="128"/>
      </rPr>
      <t>の先生のお話。</t>
    </r>
  </si>
  <si>
    <r>
      <t>オサナ</t>
    </r>
    <r>
      <rPr>
        <sz val="14"/>
        <color rgb="FF000000"/>
        <rFont val="HGP教科書体"/>
        <family val="1"/>
        <charset val="128"/>
      </rPr>
      <t>い子どもの笑い声。</t>
    </r>
  </si>
  <si>
    <r>
      <t>婦人</t>
    </r>
    <r>
      <rPr>
        <b/>
        <u/>
        <sz val="14"/>
        <color rgb="FF000000"/>
        <rFont val="HGP教科書体"/>
        <family val="1"/>
        <charset val="128"/>
      </rPr>
      <t>ケイカン</t>
    </r>
    <r>
      <rPr>
        <sz val="14"/>
        <color rgb="FF000000"/>
        <rFont val="HGP教科書体"/>
        <family val="1"/>
        <charset val="128"/>
      </rPr>
      <t>に道を聞く。</t>
    </r>
  </si>
  <si>
    <r>
      <t>チソウ</t>
    </r>
    <r>
      <rPr>
        <sz val="14"/>
        <color rgb="FF000000"/>
        <rFont val="HGP教科書体"/>
        <family val="1"/>
        <charset val="128"/>
      </rPr>
      <t>から化石をほり出す。</t>
    </r>
  </si>
  <si>
    <r>
      <t>学級</t>
    </r>
    <r>
      <rPr>
        <b/>
        <u/>
        <sz val="14"/>
        <color rgb="FF000000"/>
        <rFont val="HGP教科書体"/>
        <family val="1"/>
        <charset val="128"/>
      </rPr>
      <t>ニッシ</t>
    </r>
    <r>
      <rPr>
        <sz val="14"/>
        <color rgb="FF000000"/>
        <rFont val="HGP教科書体"/>
        <family val="1"/>
        <charset val="128"/>
      </rPr>
      <t>を書く。</t>
    </r>
  </si>
  <si>
    <r>
      <t>タンジュン</t>
    </r>
    <r>
      <rPr>
        <sz val="14"/>
        <color rgb="FF000000"/>
        <rFont val="HGP教科書体"/>
        <family val="1"/>
        <charset val="128"/>
      </rPr>
      <t>なつくりの機械。</t>
    </r>
  </si>
  <si>
    <r>
      <t>オンセン</t>
    </r>
    <r>
      <rPr>
        <sz val="14"/>
        <color rgb="FF000000"/>
        <rFont val="HGP教科書体"/>
        <family val="1"/>
        <charset val="128"/>
      </rPr>
      <t>に入る。</t>
    </r>
  </si>
  <si>
    <r>
      <t>タイシュウ</t>
    </r>
    <r>
      <rPr>
        <sz val="14"/>
        <color rgb="FF000000"/>
        <rFont val="HGP教科書体"/>
        <family val="1"/>
        <charset val="128"/>
      </rPr>
      <t>から支持を得る。</t>
    </r>
  </si>
  <si>
    <r>
      <t>キャベツを</t>
    </r>
    <r>
      <rPr>
        <b/>
        <u/>
        <sz val="14"/>
        <color rgb="FF000000"/>
        <rFont val="HGP教科書体"/>
        <family val="1"/>
        <charset val="128"/>
      </rPr>
      <t>キザ</t>
    </r>
    <r>
      <rPr>
        <sz val="14"/>
        <color rgb="FF000000"/>
        <rFont val="HGP教科書体"/>
        <family val="1"/>
        <charset val="128"/>
      </rPr>
      <t>む。</t>
    </r>
  </si>
  <si>
    <r>
      <t>クウフク</t>
    </r>
    <r>
      <rPr>
        <sz val="14"/>
        <color rgb="FF000000"/>
        <rFont val="HGP教科書体"/>
        <family val="1"/>
        <charset val="128"/>
      </rPr>
      <t>にたえられない。</t>
    </r>
  </si>
  <si>
    <r>
      <t>キケン</t>
    </r>
    <r>
      <rPr>
        <sz val="14"/>
        <color rgb="FF000000"/>
        <rFont val="HGP教科書体"/>
        <family val="1"/>
        <charset val="128"/>
      </rPr>
      <t>な場所には入るな。</t>
    </r>
  </si>
  <si>
    <r>
      <t>コーヒーに</t>
    </r>
    <r>
      <rPr>
        <b/>
        <u/>
        <sz val="14"/>
        <color rgb="FF000000"/>
        <rFont val="HGP教科書体"/>
        <family val="1"/>
        <charset val="128"/>
      </rPr>
      <t>サトウ</t>
    </r>
    <r>
      <rPr>
        <sz val="14"/>
        <color rgb="FF000000"/>
        <rFont val="HGP教科書体"/>
        <family val="1"/>
        <charset val="128"/>
      </rPr>
      <t>を入れる。</t>
    </r>
  </si>
  <si>
    <r>
      <t>お金が足りなくて</t>
    </r>
    <r>
      <rPr>
        <b/>
        <u/>
        <sz val="14"/>
        <color rgb="FF000000"/>
        <rFont val="HGP教科書体"/>
        <family val="1"/>
        <charset val="128"/>
      </rPr>
      <t>コマ</t>
    </r>
    <r>
      <rPr>
        <sz val="14"/>
        <color rgb="FF000000"/>
        <rFont val="HGP教科書体"/>
        <family val="1"/>
        <charset val="128"/>
      </rPr>
      <t>った。</t>
    </r>
  </si>
  <si>
    <r>
      <t>神の</t>
    </r>
    <r>
      <rPr>
        <b/>
        <u/>
        <sz val="14"/>
        <color rgb="FF000000"/>
        <rFont val="HGP教科書体"/>
        <family val="1"/>
        <charset val="128"/>
      </rPr>
      <t>ソンザイ</t>
    </r>
    <r>
      <rPr>
        <sz val="14"/>
        <color rgb="FF000000"/>
        <rFont val="HGP教科書体"/>
        <family val="1"/>
        <charset val="128"/>
      </rPr>
      <t>を信じる。</t>
    </r>
  </si>
  <si>
    <r>
      <t>ジタク</t>
    </r>
    <r>
      <rPr>
        <sz val="14"/>
        <color rgb="FF000000"/>
        <rFont val="HGP教科書体"/>
        <family val="1"/>
        <charset val="128"/>
      </rPr>
      <t>に荷物をとどける。</t>
    </r>
  </si>
  <si>
    <r>
      <t>タカラモノ</t>
    </r>
    <r>
      <rPr>
        <sz val="14"/>
        <color rgb="FF000000"/>
        <rFont val="HGP教科書体"/>
        <family val="1"/>
        <charset val="128"/>
      </rPr>
      <t>をさがす。</t>
    </r>
  </si>
  <si>
    <r>
      <t>野生のシカが</t>
    </r>
    <r>
      <rPr>
        <b/>
        <u/>
        <sz val="14"/>
        <color rgb="FF000000"/>
        <rFont val="HGP教科書体"/>
        <family val="1"/>
        <charset val="128"/>
      </rPr>
      <t>スガタ</t>
    </r>
    <r>
      <rPr>
        <sz val="14"/>
        <color rgb="FF000000"/>
        <rFont val="HGP教科書体"/>
        <family val="1"/>
        <charset val="128"/>
      </rPr>
      <t>を現す。</t>
    </r>
  </si>
  <si>
    <r>
      <t>地球</t>
    </r>
    <r>
      <rPr>
        <b/>
        <u/>
        <sz val="14"/>
        <color rgb="FF000000"/>
        <rFont val="HGP教科書体"/>
        <family val="1"/>
        <charset val="128"/>
      </rPr>
      <t>オンダン</t>
    </r>
    <r>
      <rPr>
        <sz val="14"/>
        <color rgb="FF000000"/>
        <rFont val="HGP教科書体"/>
        <family val="1"/>
        <charset val="128"/>
      </rPr>
      <t>化。</t>
    </r>
  </si>
  <si>
    <r>
      <t>仏様への</t>
    </r>
    <r>
      <rPr>
        <b/>
        <u/>
        <sz val="14"/>
        <color rgb="FF000000"/>
        <rFont val="HGP教科書体"/>
        <family val="1"/>
        <charset val="128"/>
      </rPr>
      <t>ソナ</t>
    </r>
    <r>
      <rPr>
        <sz val="14"/>
        <color rgb="FF000000"/>
        <rFont val="HGP教科書体"/>
        <family val="1"/>
        <charset val="128"/>
      </rPr>
      <t>え物。</t>
    </r>
  </si>
  <si>
    <r>
      <t>チイキ</t>
    </r>
    <r>
      <rPr>
        <sz val="14"/>
        <color rgb="FF000000"/>
        <rFont val="HGP教科書体"/>
        <family val="1"/>
        <charset val="128"/>
      </rPr>
      <t>の方とふれあう。</t>
    </r>
  </si>
  <si>
    <r>
      <t>ハン</t>
    </r>
    <r>
      <rPr>
        <sz val="14"/>
        <color rgb="FF000000"/>
        <rFont val="HGP教科書体"/>
        <family val="1"/>
        <charset val="128"/>
      </rPr>
      <t>に分かれる。</t>
    </r>
  </si>
  <si>
    <r>
      <t>辞典で</t>
    </r>
    <r>
      <rPr>
        <b/>
        <u/>
        <sz val="14"/>
        <color rgb="FF000000"/>
        <rFont val="HGP教科書体"/>
        <family val="1"/>
        <charset val="128"/>
      </rPr>
      <t>サガ</t>
    </r>
    <r>
      <rPr>
        <sz val="14"/>
        <color rgb="FF000000"/>
        <rFont val="HGP教科書体"/>
        <family val="1"/>
        <charset val="128"/>
      </rPr>
      <t>す。</t>
    </r>
  </si>
  <si>
    <r>
      <t>ショウライ</t>
    </r>
    <r>
      <rPr>
        <sz val="14"/>
        <color rgb="FF000000"/>
        <rFont val="HGP教科書体"/>
        <family val="1"/>
        <charset val="128"/>
      </rPr>
      <t>の夢を語る。</t>
    </r>
  </si>
  <si>
    <r>
      <t>水面に月が</t>
    </r>
    <r>
      <rPr>
        <b/>
        <u/>
        <sz val="14"/>
        <color rgb="FF000000"/>
        <rFont val="HGP教科書体"/>
        <family val="1"/>
        <charset val="128"/>
      </rPr>
      <t>ウツ</t>
    </r>
    <r>
      <rPr>
        <sz val="14"/>
        <color rgb="FF000000"/>
        <rFont val="HGP教科書体"/>
        <family val="1"/>
        <charset val="128"/>
      </rPr>
      <t>る。</t>
    </r>
  </si>
  <si>
    <r>
      <t>すぐれた</t>
    </r>
    <r>
      <rPr>
        <b/>
        <u/>
        <sz val="14"/>
        <color rgb="FF000000"/>
        <rFont val="HGP教科書体"/>
        <family val="1"/>
        <charset val="128"/>
      </rPr>
      <t>ズノウ</t>
    </r>
    <r>
      <rPr>
        <sz val="14"/>
        <color rgb="FF000000"/>
        <rFont val="HGP教科書体"/>
        <family val="1"/>
        <charset val="128"/>
      </rPr>
      <t>。</t>
    </r>
  </si>
  <si>
    <r>
      <t>ベッサツ</t>
    </r>
    <r>
      <rPr>
        <sz val="14"/>
        <color rgb="FF000000"/>
        <rFont val="HGP教科書体"/>
        <family val="1"/>
        <charset val="128"/>
      </rPr>
      <t>の付録。</t>
    </r>
  </si>
  <si>
    <r>
      <t>ケイザイ</t>
    </r>
    <r>
      <rPr>
        <sz val="14"/>
        <color rgb="FF000000"/>
        <rFont val="HGP教科書体"/>
        <family val="1"/>
        <charset val="128"/>
      </rPr>
      <t>について学ぶ。</t>
    </r>
  </si>
  <si>
    <r>
      <t>セイショ</t>
    </r>
    <r>
      <rPr>
        <sz val="14"/>
        <color rgb="FF000000"/>
        <rFont val="HGP教科書体"/>
        <family val="1"/>
        <charset val="128"/>
      </rPr>
      <t>を読む。</t>
    </r>
  </si>
  <si>
    <r>
      <t>イギリスの</t>
    </r>
    <r>
      <rPr>
        <b/>
        <u/>
        <sz val="14"/>
        <color rgb="FF000000"/>
        <rFont val="HGP教科書体"/>
        <family val="1"/>
        <charset val="128"/>
      </rPr>
      <t>キゾク</t>
    </r>
    <r>
      <rPr>
        <sz val="14"/>
        <color rgb="FF000000"/>
        <rFont val="HGP教科書体"/>
        <family val="1"/>
        <charset val="128"/>
      </rPr>
      <t>。</t>
    </r>
  </si>
  <si>
    <r>
      <t>オヤコウコウ</t>
    </r>
    <r>
      <rPr>
        <sz val="14"/>
        <color rgb="FF000000"/>
        <rFont val="HGP教科書体"/>
        <family val="1"/>
        <charset val="128"/>
      </rPr>
      <t>な息子。</t>
    </r>
  </si>
  <si>
    <r>
      <t>童話を</t>
    </r>
    <r>
      <rPr>
        <b/>
        <u/>
        <sz val="14"/>
        <color rgb="FF000000"/>
        <rFont val="HGP教科書体"/>
        <family val="1"/>
        <charset val="128"/>
      </rPr>
      <t>ソウサク</t>
    </r>
    <r>
      <rPr>
        <sz val="14"/>
        <color rgb="FF000000"/>
        <rFont val="HGP教科書体"/>
        <family val="1"/>
        <charset val="128"/>
      </rPr>
      <t>する。</t>
    </r>
  </si>
  <si>
    <r>
      <t>命令に</t>
    </r>
    <r>
      <rPr>
        <b/>
        <u/>
        <sz val="14"/>
        <color rgb="FF000000"/>
        <rFont val="HGP教科書体"/>
        <family val="1"/>
        <charset val="128"/>
      </rPr>
      <t>シタガ</t>
    </r>
    <r>
      <rPr>
        <sz val="14"/>
        <color rgb="FF000000"/>
        <rFont val="HGP教科書体"/>
        <family val="1"/>
        <charset val="128"/>
      </rPr>
      <t>う。</t>
    </r>
  </si>
  <si>
    <r>
      <t>カシ</t>
    </r>
    <r>
      <rPr>
        <sz val="14"/>
        <color rgb="FF000000"/>
        <rFont val="HGP教科書体"/>
        <family val="1"/>
        <charset val="128"/>
      </rPr>
      <t>を見ながら歌う。</t>
    </r>
  </si>
  <si>
    <r>
      <t>この問題は</t>
    </r>
    <r>
      <rPr>
        <b/>
        <u/>
        <sz val="14"/>
        <color rgb="FF000000"/>
        <rFont val="HGP教科書体"/>
        <family val="1"/>
        <charset val="128"/>
      </rPr>
      <t>カンタン</t>
    </r>
    <r>
      <rPr>
        <sz val="14"/>
        <color rgb="FF000000"/>
        <rFont val="HGP教科書体"/>
        <family val="1"/>
        <charset val="128"/>
      </rPr>
      <t>だ。</t>
    </r>
  </si>
  <si>
    <r>
      <t>カイコ</t>
    </r>
    <r>
      <rPr>
        <sz val="14"/>
        <color rgb="FF000000"/>
        <rFont val="HGP教科書体"/>
        <family val="1"/>
        <charset val="128"/>
      </rPr>
      <t>のまゆ。</t>
    </r>
  </si>
  <si>
    <r>
      <t>名前を</t>
    </r>
    <r>
      <rPr>
        <b/>
        <u/>
        <sz val="14"/>
        <color rgb="FF000000"/>
        <rFont val="HGP教科書体"/>
        <family val="1"/>
        <charset val="128"/>
      </rPr>
      <t>ヨ</t>
    </r>
    <r>
      <rPr>
        <sz val="14"/>
        <color rgb="FF000000"/>
        <rFont val="HGP教科書体"/>
        <family val="1"/>
        <charset val="128"/>
      </rPr>
      <t>ぶ。</t>
    </r>
  </si>
  <si>
    <r>
      <t>コップが</t>
    </r>
    <r>
      <rPr>
        <b/>
        <u/>
        <sz val="14"/>
        <color rgb="FF000000"/>
        <rFont val="HGP教科書体"/>
        <family val="1"/>
        <charset val="128"/>
      </rPr>
      <t>ワ</t>
    </r>
    <r>
      <rPr>
        <sz val="14"/>
        <color rgb="FF000000"/>
        <rFont val="HGP教科書体"/>
        <family val="1"/>
        <charset val="128"/>
      </rPr>
      <t>れる。</t>
    </r>
  </si>
  <si>
    <r>
      <t>事故で人が</t>
    </r>
    <r>
      <rPr>
        <b/>
        <u/>
        <sz val="14"/>
        <color rgb="FF000000"/>
        <rFont val="HGP教科書体"/>
        <family val="1"/>
        <charset val="128"/>
      </rPr>
      <t>シボウ</t>
    </r>
    <r>
      <rPr>
        <sz val="14"/>
        <color rgb="FF000000"/>
        <rFont val="HGP教科書体"/>
        <family val="1"/>
        <charset val="128"/>
      </rPr>
      <t>する。</t>
    </r>
  </si>
  <si>
    <r>
      <t>ゴカイ</t>
    </r>
    <r>
      <rPr>
        <sz val="14"/>
        <color rgb="FF000000"/>
        <rFont val="HGP教科書体"/>
        <family val="1"/>
        <charset val="128"/>
      </rPr>
      <t>される行動をとる。</t>
    </r>
  </si>
  <si>
    <r>
      <t>試合で足を</t>
    </r>
    <r>
      <rPr>
        <b/>
        <u/>
        <sz val="14"/>
        <color rgb="FF000000"/>
        <rFont val="HGP教科書体"/>
        <family val="1"/>
        <charset val="128"/>
      </rPr>
      <t>コッセツ</t>
    </r>
    <r>
      <rPr>
        <b/>
        <sz val="14"/>
        <color rgb="FF000000"/>
        <rFont val="HGP教科書体"/>
        <family val="1"/>
        <charset val="128"/>
      </rPr>
      <t>した</t>
    </r>
    <r>
      <rPr>
        <sz val="14"/>
        <color rgb="FF000000"/>
        <rFont val="HGP教科書体"/>
        <family val="1"/>
        <charset val="128"/>
      </rPr>
      <t>。</t>
    </r>
  </si>
  <si>
    <r>
      <t>シュウキョウ</t>
    </r>
    <r>
      <rPr>
        <sz val="14"/>
        <color rgb="FF000000"/>
        <rFont val="HGP教科書体"/>
        <family val="1"/>
        <charset val="128"/>
      </rPr>
      <t>を信こうする。</t>
    </r>
  </si>
  <si>
    <r>
      <t>光が</t>
    </r>
    <r>
      <rPr>
        <b/>
        <u/>
        <sz val="14"/>
        <color rgb="FF000000"/>
        <rFont val="HGP教科書体"/>
        <family val="1"/>
        <charset val="128"/>
      </rPr>
      <t>ハンシャ</t>
    </r>
    <r>
      <rPr>
        <sz val="14"/>
        <color rgb="FF000000"/>
        <rFont val="HGP教科書体"/>
        <family val="1"/>
        <charset val="128"/>
      </rPr>
      <t>する。</t>
    </r>
  </si>
  <si>
    <r>
      <t>せんたくでシャツが</t>
    </r>
    <r>
      <rPr>
        <b/>
        <u/>
        <sz val="14"/>
        <color rgb="FF000000"/>
        <rFont val="HGP教科書体"/>
        <family val="1"/>
        <charset val="128"/>
      </rPr>
      <t>チヂ</t>
    </r>
    <r>
      <rPr>
        <sz val="14"/>
        <color rgb="FF000000"/>
        <rFont val="HGP教科書体"/>
        <family val="1"/>
        <charset val="128"/>
      </rPr>
      <t>む。</t>
    </r>
  </si>
  <si>
    <r>
      <t>まだ</t>
    </r>
    <r>
      <rPr>
        <b/>
        <u/>
        <sz val="14"/>
        <color rgb="FF000000"/>
        <rFont val="HGP教科書体"/>
        <family val="1"/>
        <charset val="128"/>
      </rPr>
      <t>ミジュク</t>
    </r>
    <r>
      <rPr>
        <sz val="14"/>
        <color rgb="FF000000"/>
        <rFont val="HGP教科書体"/>
        <family val="1"/>
        <charset val="128"/>
      </rPr>
      <t>なうで前だ。</t>
    </r>
  </si>
  <si>
    <r>
      <t>ヒミツ</t>
    </r>
    <r>
      <rPr>
        <sz val="14"/>
        <color rgb="FF000000"/>
        <rFont val="HGP教科書体"/>
        <family val="1"/>
        <charset val="128"/>
      </rPr>
      <t>をもらす。</t>
    </r>
  </si>
  <si>
    <r>
      <t>自転車で日本を</t>
    </r>
    <r>
      <rPr>
        <b/>
        <u/>
        <sz val="14"/>
        <color rgb="FF000000"/>
        <rFont val="HGP教科書体"/>
        <family val="1"/>
        <charset val="128"/>
      </rPr>
      <t>ジュウダン</t>
    </r>
    <r>
      <rPr>
        <sz val="14"/>
        <color rgb="FF000000"/>
        <rFont val="HGP教科書体"/>
        <family val="1"/>
        <charset val="128"/>
      </rPr>
      <t>する。</t>
    </r>
  </si>
  <si>
    <r>
      <t>かれを級長に</t>
    </r>
    <r>
      <rPr>
        <b/>
        <u/>
        <sz val="14"/>
        <color rgb="FF000000"/>
        <rFont val="HGP教科書体"/>
        <family val="1"/>
        <charset val="128"/>
      </rPr>
      <t>スイ</t>
    </r>
    <r>
      <rPr>
        <sz val="14"/>
        <color rgb="FF000000"/>
        <rFont val="HGP教科書体"/>
        <family val="1"/>
        <charset val="128"/>
      </rPr>
      <t>せんします。</t>
    </r>
  </si>
  <si>
    <r>
      <t>夏になって日が</t>
    </r>
    <r>
      <rPr>
        <b/>
        <u/>
        <sz val="14"/>
        <color rgb="FF000000"/>
        <rFont val="HGP教科書体"/>
        <family val="1"/>
        <charset val="128"/>
      </rPr>
      <t>ノ</t>
    </r>
    <r>
      <rPr>
        <sz val="14"/>
        <color rgb="FF000000"/>
        <rFont val="HGP教科書体"/>
        <family val="1"/>
        <charset val="128"/>
      </rPr>
      <t>びた。</t>
    </r>
  </si>
  <si>
    <r>
      <t>転んだが、</t>
    </r>
    <r>
      <rPr>
        <b/>
        <u/>
        <sz val="14"/>
        <color rgb="FF000000"/>
        <rFont val="HGP教科書体"/>
        <family val="1"/>
        <charset val="128"/>
      </rPr>
      <t>ケイショウ</t>
    </r>
    <r>
      <rPr>
        <sz val="14"/>
        <color rgb="FF000000"/>
        <rFont val="HGP教科書体"/>
        <family val="1"/>
        <charset val="128"/>
      </rPr>
      <t>ですんだ。</t>
    </r>
  </si>
  <si>
    <r>
      <t>ウラニワ</t>
    </r>
    <r>
      <rPr>
        <sz val="14"/>
        <color rgb="FF000000"/>
        <rFont val="HGP教科書体"/>
        <family val="1"/>
        <charset val="128"/>
      </rPr>
      <t>で遊ぶ。</t>
    </r>
  </si>
  <si>
    <r>
      <t>時を</t>
    </r>
    <r>
      <rPr>
        <b/>
        <u/>
        <sz val="14"/>
        <color rgb="FF000000"/>
        <rFont val="HGP教科書体"/>
        <family val="1"/>
        <charset val="128"/>
      </rPr>
      <t>ワス</t>
    </r>
    <r>
      <rPr>
        <sz val="14"/>
        <color rgb="FF000000"/>
        <rFont val="HGP教科書体"/>
        <family val="1"/>
        <charset val="128"/>
      </rPr>
      <t>れて楽しむ。</t>
    </r>
  </si>
  <si>
    <r>
      <t>ハイイロ</t>
    </r>
    <r>
      <rPr>
        <sz val="14"/>
        <color rgb="FF000000"/>
        <rFont val="HGP教科書体"/>
        <family val="1"/>
        <charset val="128"/>
      </rPr>
      <t>の空。</t>
    </r>
  </si>
  <si>
    <r>
      <t>日が</t>
    </r>
    <r>
      <rPr>
        <b/>
        <u/>
        <sz val="14"/>
        <color rgb="FF000000"/>
        <rFont val="HGP教科書体"/>
        <family val="1"/>
        <charset val="128"/>
      </rPr>
      <t>ク</t>
    </r>
    <r>
      <rPr>
        <sz val="14"/>
        <color rgb="FF000000"/>
        <rFont val="HGP教科書体"/>
        <family val="1"/>
        <charset val="128"/>
      </rPr>
      <t>れる。</t>
    </r>
  </si>
  <si>
    <r>
      <t>生ゴミを</t>
    </r>
    <r>
      <rPr>
        <b/>
        <u/>
        <sz val="14"/>
        <color rgb="FF000000"/>
        <rFont val="HGP教科書体"/>
        <family val="1"/>
        <charset val="128"/>
      </rPr>
      <t>ショリ</t>
    </r>
    <r>
      <rPr>
        <sz val="14"/>
        <color rgb="FF000000"/>
        <rFont val="HGP教科書体"/>
        <family val="1"/>
        <charset val="128"/>
      </rPr>
      <t>する。</t>
    </r>
  </si>
  <si>
    <r>
      <t>セイトウ</t>
    </r>
    <r>
      <rPr>
        <sz val="14"/>
        <color rgb="FF000000"/>
        <rFont val="HGP教科書体"/>
        <family val="1"/>
        <charset val="128"/>
      </rPr>
      <t>の支持率が下がる。</t>
    </r>
  </si>
  <si>
    <r>
      <t>ショコク</t>
    </r>
    <r>
      <rPr>
        <sz val="14"/>
        <color rgb="FF000000"/>
        <rFont val="HGP教科書体"/>
        <family val="1"/>
        <charset val="128"/>
      </rPr>
      <t>を旅する。</t>
    </r>
  </si>
  <si>
    <r>
      <t>社員に</t>
    </r>
    <r>
      <rPr>
        <b/>
        <u/>
        <sz val="14"/>
        <color rgb="FF000000"/>
        <rFont val="HGP教科書体"/>
        <family val="1"/>
        <charset val="128"/>
      </rPr>
      <t>チンギン</t>
    </r>
    <r>
      <rPr>
        <sz val="14"/>
        <color rgb="FF000000"/>
        <rFont val="HGP教科書体"/>
        <family val="1"/>
        <charset val="128"/>
      </rPr>
      <t>を支はらう。</t>
    </r>
  </si>
  <si>
    <r>
      <t>方位</t>
    </r>
    <r>
      <rPr>
        <b/>
        <u/>
        <sz val="14"/>
        <color rgb="FF000000"/>
        <rFont val="HGP教科書体"/>
        <family val="1"/>
        <charset val="128"/>
      </rPr>
      <t>ジシャク</t>
    </r>
    <r>
      <rPr>
        <sz val="14"/>
        <color rgb="FF000000"/>
        <rFont val="HGP教科書体"/>
        <family val="1"/>
        <charset val="128"/>
      </rPr>
      <t>が北を指す。</t>
    </r>
  </si>
  <si>
    <r>
      <t>水を</t>
    </r>
    <r>
      <rPr>
        <b/>
        <u/>
        <sz val="14"/>
        <color rgb="FF000000"/>
        <rFont val="HGP教科書体"/>
        <family val="1"/>
        <charset val="128"/>
      </rPr>
      <t>キュウシュウ</t>
    </r>
    <r>
      <rPr>
        <sz val="14"/>
        <color rgb="FF000000"/>
        <rFont val="HGP教科書体"/>
        <family val="1"/>
        <charset val="128"/>
      </rPr>
      <t>する布。</t>
    </r>
  </si>
  <si>
    <r>
      <t>アトラクションに</t>
    </r>
    <r>
      <rPr>
        <b/>
        <u/>
        <sz val="14"/>
        <color rgb="FF000000"/>
        <rFont val="HGP教科書体"/>
        <family val="1"/>
        <charset val="128"/>
      </rPr>
      <t>ナラ</t>
    </r>
    <r>
      <rPr>
        <sz val="14"/>
        <color rgb="FF000000"/>
        <rFont val="HGP教科書体"/>
        <family val="1"/>
        <charset val="128"/>
      </rPr>
      <t>ぶ。</t>
    </r>
  </si>
  <si>
    <r>
      <t>変わった</t>
    </r>
    <r>
      <rPr>
        <b/>
        <u/>
        <sz val="14"/>
        <color rgb="FF000000"/>
        <rFont val="HGP教科書体"/>
        <family val="1"/>
        <charset val="128"/>
      </rPr>
      <t>フクソウ</t>
    </r>
    <r>
      <rPr>
        <sz val="14"/>
        <color rgb="FF000000"/>
        <rFont val="HGP教科書体"/>
        <family val="1"/>
        <charset val="128"/>
      </rPr>
      <t>をしている男。</t>
    </r>
  </si>
  <si>
    <r>
      <t>初日の出を</t>
    </r>
    <r>
      <rPr>
        <b/>
        <u/>
        <sz val="14"/>
        <color rgb="FF000000"/>
        <rFont val="HGP教科書体"/>
        <family val="1"/>
        <charset val="128"/>
      </rPr>
      <t>オガ</t>
    </r>
    <r>
      <rPr>
        <sz val="14"/>
        <color rgb="FF000000"/>
        <rFont val="HGP教科書体"/>
        <family val="1"/>
        <charset val="128"/>
      </rPr>
      <t>む。</t>
    </r>
  </si>
  <si>
    <r>
      <t>両親を</t>
    </r>
    <r>
      <rPr>
        <b/>
        <u/>
        <sz val="14"/>
        <color rgb="FF000000"/>
        <rFont val="HGP教科書体"/>
        <family val="1"/>
        <charset val="128"/>
      </rPr>
      <t>ウヤマ</t>
    </r>
    <r>
      <rPr>
        <sz val="14"/>
        <color rgb="FF000000"/>
        <rFont val="HGP教科書体"/>
        <family val="1"/>
        <charset val="128"/>
      </rPr>
      <t>う。</t>
    </r>
  </si>
  <si>
    <r>
      <t>かれの</t>
    </r>
    <r>
      <rPr>
        <b/>
        <u/>
        <sz val="14"/>
        <color rgb="FF000000"/>
        <rFont val="HGP教科書体"/>
        <family val="1"/>
        <charset val="128"/>
      </rPr>
      <t>センモン</t>
    </r>
    <r>
      <rPr>
        <sz val="14"/>
        <color rgb="FF000000"/>
        <rFont val="HGP教科書体"/>
        <family val="1"/>
        <charset val="128"/>
      </rPr>
      <t>は天文学だ。</t>
    </r>
  </si>
  <si>
    <r>
      <t>意見が</t>
    </r>
    <r>
      <rPr>
        <b/>
        <u/>
        <sz val="14"/>
        <color rgb="FF000000"/>
        <rFont val="HGP教科書体"/>
        <family val="1"/>
        <charset val="128"/>
      </rPr>
      <t>コト</t>
    </r>
    <r>
      <rPr>
        <sz val="14"/>
        <color rgb="FF000000"/>
        <rFont val="HGP教科書体"/>
        <family val="1"/>
        <charset val="128"/>
      </rPr>
      <t>なる。</t>
    </r>
  </si>
  <si>
    <r>
      <t>機械を</t>
    </r>
    <r>
      <rPr>
        <b/>
        <u/>
        <sz val="14"/>
        <color rgb="FF000000"/>
        <rFont val="HGP教科書体"/>
        <family val="1"/>
        <charset val="128"/>
      </rPr>
      <t>ソウサ</t>
    </r>
    <r>
      <rPr>
        <sz val="14"/>
        <color rgb="FF000000"/>
        <rFont val="HGP教科書体"/>
        <family val="1"/>
        <charset val="128"/>
      </rPr>
      <t>する。</t>
    </r>
  </si>
  <si>
    <r>
      <t>遠くに住む祖父を</t>
    </r>
    <r>
      <rPr>
        <b/>
        <u/>
        <sz val="14"/>
        <color rgb="FF000000"/>
        <rFont val="HGP教科書体"/>
        <family val="1"/>
        <charset val="128"/>
      </rPr>
      <t>タズ</t>
    </r>
    <r>
      <rPr>
        <sz val="14"/>
        <color rgb="FF000000"/>
        <rFont val="HGP教科書体"/>
        <family val="1"/>
        <charset val="128"/>
      </rPr>
      <t>ねる。</t>
    </r>
  </si>
  <si>
    <r>
      <t>バン</t>
    </r>
    <r>
      <rPr>
        <sz val="14"/>
        <color rgb="FF000000"/>
        <rFont val="HGP教科書体"/>
        <family val="1"/>
        <charset val="128"/>
      </rPr>
      <t>ご飯を食べる。</t>
    </r>
  </si>
  <si>
    <r>
      <t>つり糸を</t>
    </r>
    <r>
      <rPr>
        <b/>
        <u/>
        <sz val="14"/>
        <color rgb="FF000000"/>
        <rFont val="HGP教科書体"/>
        <family val="1"/>
        <charset val="128"/>
      </rPr>
      <t>タ</t>
    </r>
    <r>
      <rPr>
        <sz val="14"/>
        <color rgb="FF000000"/>
        <rFont val="HGP教科書体"/>
        <family val="1"/>
        <charset val="128"/>
      </rPr>
      <t>らす。</t>
    </r>
  </si>
  <si>
    <r>
      <t>ドキョウ</t>
    </r>
    <r>
      <rPr>
        <sz val="14"/>
        <color rgb="FF000000"/>
        <rFont val="HGP教科書体"/>
        <family val="1"/>
        <charset val="128"/>
      </rPr>
      <t>のすわった人。</t>
    </r>
  </si>
  <si>
    <r>
      <t>ねじを</t>
    </r>
    <r>
      <rPr>
        <b/>
        <u/>
        <sz val="14"/>
        <color rgb="FF000000"/>
        <rFont val="HGP教科書体"/>
        <family val="1"/>
        <charset val="128"/>
      </rPr>
      <t>マ</t>
    </r>
    <r>
      <rPr>
        <sz val="14"/>
        <color rgb="FF000000"/>
        <rFont val="HGP教科書体"/>
        <family val="1"/>
        <charset val="128"/>
      </rPr>
      <t>く。</t>
    </r>
  </si>
  <si>
    <r>
      <t>ハイケイ</t>
    </r>
    <r>
      <rPr>
        <sz val="14"/>
        <color rgb="FF000000"/>
        <rFont val="HGP教科書体"/>
        <family val="1"/>
        <charset val="128"/>
      </rPr>
      <t>を細かくえがいた絵。</t>
    </r>
  </si>
  <si>
    <r>
      <t>皿を</t>
    </r>
    <r>
      <rPr>
        <b/>
        <u/>
        <sz val="14"/>
        <color rgb="FF000000"/>
        <rFont val="HGP教科書体"/>
        <family val="1"/>
        <charset val="128"/>
      </rPr>
      <t>アラ</t>
    </r>
    <r>
      <rPr>
        <sz val="14"/>
        <color rgb="FF000000"/>
        <rFont val="HGP教科書体"/>
        <family val="1"/>
        <charset val="128"/>
      </rPr>
      <t>う。</t>
    </r>
  </si>
  <si>
    <r>
      <t>生まれ</t>
    </r>
    <r>
      <rPr>
        <b/>
        <u/>
        <sz val="14"/>
        <color rgb="FF000000"/>
        <rFont val="HGP教科書体"/>
        <family val="1"/>
        <charset val="128"/>
      </rPr>
      <t>コキョウ</t>
    </r>
    <r>
      <rPr>
        <sz val="14"/>
        <color rgb="FF000000"/>
        <rFont val="HGP教科書体"/>
        <family val="1"/>
        <charset val="128"/>
      </rPr>
      <t>を思い出す。</t>
    </r>
  </si>
  <si>
    <r>
      <t>合否判定の</t>
    </r>
    <r>
      <rPr>
        <b/>
        <u/>
        <sz val="14"/>
        <color rgb="FF000000"/>
        <rFont val="HGP教科書体"/>
        <family val="1"/>
        <charset val="128"/>
      </rPr>
      <t>シャクド</t>
    </r>
    <r>
      <rPr>
        <sz val="14"/>
        <color rgb="FF000000"/>
        <rFont val="HGP教科書体"/>
        <family val="1"/>
        <charset val="128"/>
      </rPr>
      <t>を決める。</t>
    </r>
  </si>
  <si>
    <r>
      <t>スイカを</t>
    </r>
    <r>
      <rPr>
        <b/>
        <u/>
        <sz val="14"/>
        <color rgb="FF000000"/>
        <rFont val="HGP教科書体"/>
        <family val="1"/>
        <charset val="128"/>
      </rPr>
      <t>レイゾウコ</t>
    </r>
    <r>
      <rPr>
        <sz val="14"/>
        <color rgb="FF000000"/>
        <rFont val="HGP教科書体"/>
        <family val="1"/>
        <charset val="128"/>
      </rPr>
      <t>に入れる。</t>
    </r>
  </si>
  <si>
    <r>
      <t>今は満ち</t>
    </r>
    <r>
      <rPr>
        <b/>
        <u/>
        <sz val="14"/>
        <color rgb="FF000000"/>
        <rFont val="HGP教科書体"/>
        <family val="1"/>
        <charset val="128"/>
      </rPr>
      <t>シオ</t>
    </r>
    <r>
      <rPr>
        <sz val="14"/>
        <color rgb="FF000000"/>
        <rFont val="HGP教科書体"/>
        <family val="1"/>
        <charset val="128"/>
      </rPr>
      <t>の時間だ。</t>
    </r>
  </si>
  <si>
    <r>
      <t>周りから</t>
    </r>
    <r>
      <rPr>
        <b/>
        <u/>
        <sz val="14"/>
        <color rgb="FF000000"/>
        <rFont val="HGP教科書体"/>
        <family val="1"/>
        <charset val="128"/>
      </rPr>
      <t>ヒハン</t>
    </r>
    <r>
      <rPr>
        <sz val="14"/>
        <color rgb="FF000000"/>
        <rFont val="HGP教科書体"/>
        <family val="1"/>
        <charset val="128"/>
      </rPr>
      <t>を浴びる。</t>
    </r>
  </si>
  <si>
    <r>
      <t>友人に</t>
    </r>
    <r>
      <rPr>
        <b/>
        <u/>
        <sz val="14"/>
        <color rgb="FF000000"/>
        <rFont val="HGP教科書体"/>
        <family val="1"/>
        <charset val="128"/>
      </rPr>
      <t>チュウコク</t>
    </r>
    <r>
      <rPr>
        <sz val="14"/>
        <color rgb="FF000000"/>
        <rFont val="HGP教科書体"/>
        <family val="1"/>
        <charset val="128"/>
      </rPr>
      <t>する。</t>
    </r>
  </si>
  <si>
    <r>
      <t>ワカモノ</t>
    </r>
    <r>
      <rPr>
        <sz val="14"/>
        <color rgb="FF000000"/>
        <rFont val="HGP教科書体"/>
        <family val="1"/>
        <charset val="128"/>
      </rPr>
      <t>の集まり。</t>
    </r>
  </si>
  <si>
    <r>
      <t>ツクエ</t>
    </r>
    <r>
      <rPr>
        <sz val="14"/>
        <color rgb="FF000000"/>
        <rFont val="HGP教科書体"/>
        <family val="1"/>
        <charset val="128"/>
      </rPr>
      <t>を運ぶ。</t>
    </r>
  </si>
  <si>
    <r>
      <t>シリョク</t>
    </r>
    <r>
      <rPr>
        <sz val="14"/>
        <color rgb="FF000000"/>
        <rFont val="HGP教科書体"/>
        <family val="1"/>
        <charset val="128"/>
      </rPr>
      <t>検査を行う。</t>
    </r>
  </si>
  <si>
    <r>
      <t>板に</t>
    </r>
    <r>
      <rPr>
        <b/>
        <u/>
        <sz val="14"/>
        <color rgb="FF000000"/>
        <rFont val="HGP教科書体"/>
        <family val="1"/>
        <charset val="128"/>
      </rPr>
      <t>アナ</t>
    </r>
    <r>
      <rPr>
        <sz val="14"/>
        <color rgb="FF000000"/>
        <rFont val="HGP教科書体"/>
        <family val="1"/>
        <charset val="128"/>
      </rPr>
      <t>を開ける。</t>
    </r>
  </si>
  <si>
    <r>
      <t>寄らば</t>
    </r>
    <r>
      <rPr>
        <b/>
        <u/>
        <sz val="14"/>
        <color rgb="FF000000"/>
        <rFont val="HGP教科書体"/>
        <family val="1"/>
        <charset val="128"/>
      </rPr>
      <t>タイジュ</t>
    </r>
    <r>
      <rPr>
        <sz val="14"/>
        <color rgb="FF000000"/>
        <rFont val="HGP教科書体"/>
        <family val="1"/>
        <charset val="128"/>
      </rPr>
      <t>のかげ。</t>
    </r>
  </si>
  <si>
    <r>
      <t>ゴミを</t>
    </r>
    <r>
      <rPr>
        <b/>
        <u/>
        <sz val="14"/>
        <color rgb="FF000000"/>
        <rFont val="HGP教科書体"/>
        <family val="1"/>
        <charset val="128"/>
      </rPr>
      <t>ス</t>
    </r>
    <r>
      <rPr>
        <sz val="14"/>
        <color rgb="FF000000"/>
        <rFont val="HGP教科書体"/>
        <family val="1"/>
        <charset val="128"/>
      </rPr>
      <t>てる。</t>
    </r>
  </si>
  <si>
    <r>
      <t>この川の</t>
    </r>
    <r>
      <rPr>
        <b/>
        <u/>
        <sz val="14"/>
        <color rgb="FF000000"/>
        <rFont val="HGP教科書体"/>
        <family val="1"/>
        <charset val="128"/>
      </rPr>
      <t>ミナモト</t>
    </r>
    <r>
      <rPr>
        <sz val="14"/>
        <color rgb="FF000000"/>
        <rFont val="HGP教科書体"/>
        <family val="1"/>
        <charset val="128"/>
      </rPr>
      <t>は富士山だ。</t>
    </r>
  </si>
  <si>
    <r>
      <t>カイダン</t>
    </r>
    <r>
      <rPr>
        <sz val="14"/>
        <color rgb="FF000000"/>
        <rFont val="HGP教科書体"/>
        <family val="1"/>
        <charset val="128"/>
      </rPr>
      <t>をふみ外す。</t>
    </r>
  </si>
  <si>
    <r>
      <t>ツウキン</t>
    </r>
    <r>
      <rPr>
        <sz val="14"/>
        <color rgb="FF000000"/>
        <rFont val="HGP教科書体"/>
        <family val="1"/>
        <charset val="128"/>
      </rPr>
      <t>時間が長い。</t>
    </r>
  </si>
  <si>
    <r>
      <t>キビ</t>
    </r>
    <r>
      <rPr>
        <sz val="14"/>
        <color rgb="FF000000"/>
        <rFont val="HGP教科書体"/>
        <family val="1"/>
        <charset val="128"/>
      </rPr>
      <t>しい暑さが続く。</t>
    </r>
  </si>
  <si>
    <r>
      <t>江戸時代の</t>
    </r>
    <r>
      <rPr>
        <b/>
        <u/>
        <sz val="14"/>
        <color rgb="FF000000"/>
        <rFont val="HGP教科書体"/>
        <family val="1"/>
        <charset val="128"/>
      </rPr>
      <t>バクフ</t>
    </r>
    <r>
      <rPr>
        <sz val="14"/>
        <color rgb="FF000000"/>
        <rFont val="HGP教科書体"/>
        <family val="1"/>
        <charset val="128"/>
      </rPr>
      <t>。</t>
    </r>
  </si>
  <si>
    <r>
      <t>うわさを</t>
    </r>
    <r>
      <rPr>
        <b/>
        <u/>
        <sz val="14"/>
        <color rgb="FF000000"/>
        <rFont val="HGP教科書体"/>
        <family val="1"/>
        <charset val="128"/>
      </rPr>
      <t>ヒテイ</t>
    </r>
    <r>
      <rPr>
        <sz val="14"/>
        <color rgb="FF000000"/>
        <rFont val="HGP教科書体"/>
        <family val="1"/>
        <charset val="128"/>
      </rPr>
      <t>する。</t>
    </r>
  </si>
  <si>
    <r>
      <t>タテガ</t>
    </r>
    <r>
      <rPr>
        <sz val="14"/>
        <color rgb="FF000000"/>
        <rFont val="HGP教科書体"/>
        <family val="1"/>
        <charset val="128"/>
      </rPr>
      <t>きの原こう用紙を使う。</t>
    </r>
  </si>
  <si>
    <r>
      <t>不安を取り</t>
    </r>
    <r>
      <rPr>
        <b/>
        <u/>
        <sz val="14"/>
        <color rgb="FF000000"/>
        <rFont val="HGP教科書体"/>
        <family val="1"/>
        <charset val="128"/>
      </rPr>
      <t>ノゾ</t>
    </r>
    <r>
      <rPr>
        <sz val="14"/>
        <color rgb="FF000000"/>
        <rFont val="HGP教科書体"/>
        <family val="1"/>
        <charset val="128"/>
      </rPr>
      <t>く。</t>
    </r>
  </si>
  <si>
    <r>
      <t>ユウビン</t>
    </r>
    <r>
      <rPr>
        <sz val="14"/>
        <color rgb="FF000000"/>
        <rFont val="HGP教科書体"/>
        <family val="1"/>
        <charset val="128"/>
      </rPr>
      <t>切手を買う。</t>
    </r>
  </si>
  <si>
    <r>
      <t>ジョウキ</t>
    </r>
    <r>
      <rPr>
        <sz val="14"/>
        <color rgb="FF000000"/>
        <rFont val="HGP教科書体"/>
        <family val="1"/>
        <charset val="128"/>
      </rPr>
      <t>の力で動く。</t>
    </r>
  </si>
  <si>
    <r>
      <t>チーズは</t>
    </r>
    <r>
      <rPr>
        <b/>
        <u/>
        <sz val="14"/>
        <color rgb="FF000000"/>
        <rFont val="HGP教科書体"/>
        <family val="1"/>
        <charset val="128"/>
      </rPr>
      <t>ニュウセイヒン</t>
    </r>
    <r>
      <rPr>
        <sz val="14"/>
        <color rgb="FF000000"/>
        <rFont val="HGP教科書体"/>
        <family val="1"/>
        <charset val="128"/>
      </rPr>
      <t>だ。</t>
    </r>
  </si>
  <si>
    <r>
      <t>コクモツ</t>
    </r>
    <r>
      <rPr>
        <sz val="14"/>
        <color rgb="FF000000"/>
        <rFont val="HGP教科書体"/>
        <family val="1"/>
        <charset val="128"/>
      </rPr>
      <t>を輸入する。</t>
    </r>
  </si>
  <si>
    <r>
      <t>大事件に</t>
    </r>
    <r>
      <rPr>
        <b/>
        <u/>
        <sz val="14"/>
        <color rgb="FF000000"/>
        <rFont val="HGP教科書体"/>
        <family val="1"/>
        <charset val="128"/>
      </rPr>
      <t>ハッテン</t>
    </r>
    <r>
      <rPr>
        <sz val="14"/>
        <color rgb="FF000000"/>
        <rFont val="HGP教科書体"/>
        <family val="1"/>
        <charset val="128"/>
      </rPr>
      <t>する。</t>
    </r>
  </si>
  <si>
    <r>
      <t>コンサートは</t>
    </r>
    <r>
      <rPr>
        <b/>
        <u/>
        <sz val="14"/>
        <color rgb="FF000000"/>
        <rFont val="HGP教科書体"/>
        <family val="1"/>
        <charset val="128"/>
      </rPr>
      <t>モ</t>
    </r>
    <r>
      <rPr>
        <sz val="14"/>
        <color rgb="FF000000"/>
        <rFont val="HGP教科書体"/>
        <family val="1"/>
        <charset val="128"/>
      </rPr>
      <t>り上がった。</t>
    </r>
  </si>
  <si>
    <r>
      <t>歯が</t>
    </r>
    <r>
      <rPr>
        <b/>
        <u/>
        <sz val="14"/>
        <color rgb="FF000000"/>
        <rFont val="HGP教科書体"/>
        <family val="1"/>
        <charset val="128"/>
      </rPr>
      <t>イタ</t>
    </r>
    <r>
      <rPr>
        <sz val="14"/>
        <color rgb="FF000000"/>
        <rFont val="HGP教科書体"/>
        <family val="1"/>
        <charset val="128"/>
      </rPr>
      <t>い。</t>
    </r>
  </si>
  <si>
    <r>
      <t>青い目は父親からの</t>
    </r>
    <r>
      <rPr>
        <b/>
        <u/>
        <sz val="14"/>
        <color rgb="FF000000"/>
        <rFont val="HGP教科書体"/>
        <family val="1"/>
        <charset val="128"/>
      </rPr>
      <t>イデン</t>
    </r>
    <r>
      <rPr>
        <sz val="14"/>
        <color rgb="FF000000"/>
        <rFont val="HGP教科書体"/>
        <family val="1"/>
        <charset val="128"/>
      </rPr>
      <t>だ。</t>
    </r>
  </si>
  <si>
    <r>
      <t>栄養を</t>
    </r>
    <r>
      <rPr>
        <b/>
        <u/>
        <sz val="14"/>
        <color rgb="FF000000"/>
        <rFont val="HGP教科書体"/>
        <family val="1"/>
        <charset val="128"/>
      </rPr>
      <t>オギナ</t>
    </r>
    <r>
      <rPr>
        <sz val="14"/>
        <color rgb="FF000000"/>
        <rFont val="HGP教科書体"/>
        <family val="1"/>
        <charset val="128"/>
      </rPr>
      <t>う。</t>
    </r>
  </si>
  <si>
    <r>
      <t>ショクヨク</t>
    </r>
    <r>
      <rPr>
        <sz val="14"/>
        <color rgb="FF000000"/>
        <rFont val="HGP教科書体"/>
        <family val="1"/>
        <charset val="128"/>
      </rPr>
      <t>がない。</t>
    </r>
  </si>
  <si>
    <r>
      <t>そう大な</t>
    </r>
    <r>
      <rPr>
        <b/>
        <u/>
        <sz val="14"/>
        <color rgb="FF000000"/>
        <rFont val="HGP教科書体"/>
        <family val="1"/>
        <charset val="128"/>
      </rPr>
      <t>キボ</t>
    </r>
    <r>
      <rPr>
        <sz val="14"/>
        <color rgb="FF000000"/>
        <rFont val="HGP教科書体"/>
        <family val="1"/>
        <charset val="128"/>
      </rPr>
      <t>の計画。</t>
    </r>
  </si>
  <si>
    <r>
      <t>大安売りの</t>
    </r>
    <r>
      <rPr>
        <b/>
        <u/>
        <sz val="14"/>
        <color rgb="FF000000"/>
        <rFont val="HGP教科書体"/>
        <family val="1"/>
        <charset val="128"/>
      </rPr>
      <t>センデン</t>
    </r>
    <r>
      <rPr>
        <sz val="14"/>
        <color rgb="FF000000"/>
        <rFont val="HGP教科書体"/>
        <family val="1"/>
        <charset val="128"/>
      </rPr>
      <t>をする。</t>
    </r>
  </si>
  <si>
    <r>
      <t>医は</t>
    </r>
    <r>
      <rPr>
        <b/>
        <u/>
        <sz val="14"/>
        <color rgb="FF000000"/>
        <rFont val="HGP教科書体"/>
        <family val="1"/>
        <charset val="128"/>
      </rPr>
      <t>ジンジュツ</t>
    </r>
    <r>
      <rPr>
        <sz val="14"/>
        <color rgb="FF000000"/>
        <rFont val="HGP教科書体"/>
        <family val="1"/>
        <charset val="128"/>
      </rPr>
      <t>なり。</t>
    </r>
  </si>
  <si>
    <r>
      <t>写真を</t>
    </r>
    <r>
      <rPr>
        <b/>
        <u/>
        <sz val="14"/>
        <color rgb="FF000000"/>
        <rFont val="HGP教科書体"/>
        <family val="1"/>
        <charset val="128"/>
      </rPr>
      <t>カクダイ</t>
    </r>
    <r>
      <rPr>
        <sz val="14"/>
        <color rgb="FF000000"/>
        <rFont val="HGP教科書体"/>
        <family val="1"/>
        <charset val="128"/>
      </rPr>
      <t>する。</t>
    </r>
  </si>
  <si>
    <r>
      <t>ケンリ</t>
    </r>
    <r>
      <rPr>
        <sz val="14"/>
        <color rgb="FF000000"/>
        <rFont val="HGP教科書体"/>
        <family val="1"/>
        <charset val="128"/>
      </rPr>
      <t>を主張する。</t>
    </r>
  </si>
  <si>
    <r>
      <t>目的地に</t>
    </r>
    <r>
      <rPr>
        <b/>
        <u/>
        <sz val="14"/>
        <color rgb="FF000000"/>
        <rFont val="HGP教科書体"/>
        <family val="1"/>
        <charset val="128"/>
      </rPr>
      <t>イタ</t>
    </r>
    <r>
      <rPr>
        <sz val="14"/>
        <color rgb="FF000000"/>
        <rFont val="HGP教科書体"/>
        <family val="1"/>
        <charset val="128"/>
      </rPr>
      <t>る。</t>
    </r>
  </si>
  <si>
    <r>
      <t>読む</t>
    </r>
    <r>
      <rPr>
        <b/>
        <u/>
        <sz val="14"/>
        <color rgb="FF000000"/>
        <rFont val="HGP教科書体"/>
        <family val="1"/>
        <charset val="128"/>
      </rPr>
      <t>カチ</t>
    </r>
    <r>
      <rPr>
        <sz val="14"/>
        <color rgb="FF000000"/>
        <rFont val="HGP教科書体"/>
        <family val="1"/>
        <charset val="128"/>
      </rPr>
      <t>のある本。</t>
    </r>
  </si>
  <si>
    <r>
      <t>銀行に</t>
    </r>
    <r>
      <rPr>
        <b/>
        <u/>
        <sz val="14"/>
        <color rgb="FF000000"/>
        <rFont val="HGP教科書体"/>
        <family val="1"/>
        <charset val="128"/>
      </rPr>
      <t>シュウショク</t>
    </r>
    <r>
      <rPr>
        <sz val="14"/>
        <color rgb="FF000000"/>
        <rFont val="HGP教科書体"/>
        <family val="1"/>
        <charset val="128"/>
      </rPr>
      <t>する。</t>
    </r>
  </si>
  <si>
    <r>
      <t>ハイク</t>
    </r>
    <r>
      <rPr>
        <sz val="14"/>
        <color rgb="FF000000"/>
        <rFont val="HGP教科書体"/>
        <family val="1"/>
        <charset val="128"/>
      </rPr>
      <t>をよむ。</t>
    </r>
  </si>
  <si>
    <r>
      <t>罪を</t>
    </r>
    <r>
      <rPr>
        <b/>
        <u/>
        <sz val="14"/>
        <color rgb="FF000000"/>
        <rFont val="HGP教科書体"/>
        <family val="1"/>
        <charset val="128"/>
      </rPr>
      <t>サバ</t>
    </r>
    <r>
      <rPr>
        <sz val="14"/>
        <color rgb="FF000000"/>
        <rFont val="HGP教科書体"/>
        <family val="1"/>
        <charset val="128"/>
      </rPr>
      <t>く。</t>
    </r>
  </si>
  <si>
    <r>
      <t>ワレ</t>
    </r>
    <r>
      <rPr>
        <sz val="14"/>
        <color rgb="FF000000"/>
        <rFont val="HGP教科書体"/>
        <family val="1"/>
        <charset val="128"/>
      </rPr>
      <t>に返る。</t>
    </r>
  </si>
  <si>
    <r>
      <t>会社に</t>
    </r>
    <r>
      <rPr>
        <b/>
        <u/>
        <sz val="14"/>
        <color rgb="FF000000"/>
        <rFont val="HGP教科書体"/>
        <family val="1"/>
        <charset val="128"/>
      </rPr>
      <t>ツト</t>
    </r>
    <r>
      <rPr>
        <sz val="14"/>
        <color rgb="FF000000"/>
        <rFont val="HGP教科書体"/>
        <family val="1"/>
        <charset val="128"/>
      </rPr>
      <t>める。</t>
    </r>
  </si>
  <si>
    <r>
      <t>平和への</t>
    </r>
    <r>
      <rPr>
        <b/>
        <u/>
        <sz val="14"/>
        <color rgb="FF000000"/>
        <rFont val="HGP教科書体"/>
        <family val="1"/>
        <charset val="128"/>
      </rPr>
      <t>ショメイ</t>
    </r>
    <r>
      <rPr>
        <sz val="14"/>
        <color rgb="FF000000"/>
        <rFont val="HGP教科書体"/>
        <family val="1"/>
        <charset val="128"/>
      </rPr>
      <t>運動をする。</t>
    </r>
  </si>
  <si>
    <r>
      <t>児童会の活動</t>
    </r>
    <r>
      <rPr>
        <b/>
        <u/>
        <sz val="14"/>
        <color rgb="FF000000"/>
        <rFont val="HGP教科書体"/>
        <family val="1"/>
        <charset val="128"/>
      </rPr>
      <t>ホウシン</t>
    </r>
    <r>
      <rPr>
        <sz val="14"/>
        <color rgb="FF000000"/>
        <rFont val="HGP教科書体"/>
        <family val="1"/>
        <charset val="128"/>
      </rPr>
      <t>を決める。</t>
    </r>
  </si>
  <si>
    <r>
      <t>チョメイ</t>
    </r>
    <r>
      <rPr>
        <sz val="14"/>
        <color rgb="FF000000"/>
        <rFont val="HGP教科書体"/>
        <family val="1"/>
        <charset val="128"/>
      </rPr>
      <t>な芸術家。</t>
    </r>
  </si>
  <si>
    <r>
      <t>サイバン</t>
    </r>
    <r>
      <rPr>
        <sz val="14"/>
        <color rgb="FF000000"/>
        <rFont val="HGP教科書体"/>
        <family val="1"/>
        <charset val="128"/>
      </rPr>
      <t>で争う。</t>
    </r>
  </si>
  <si>
    <r>
      <t>外の空気を</t>
    </r>
    <r>
      <rPr>
        <b/>
        <u/>
        <sz val="14"/>
        <color rgb="FF000000"/>
        <rFont val="HGP教科書体"/>
        <family val="1"/>
        <charset val="128"/>
      </rPr>
      <t>ス</t>
    </r>
    <r>
      <rPr>
        <sz val="14"/>
        <color rgb="FF000000"/>
        <rFont val="HGP教科書体"/>
        <family val="1"/>
        <charset val="128"/>
      </rPr>
      <t>う。</t>
    </r>
  </si>
  <si>
    <r>
      <t>こう法にも筆の</t>
    </r>
    <r>
      <rPr>
        <b/>
        <u/>
        <sz val="14"/>
        <color rgb="FF000000"/>
        <rFont val="HGP教科書体"/>
        <family val="1"/>
        <charset val="128"/>
      </rPr>
      <t>アヤマ</t>
    </r>
    <r>
      <rPr>
        <sz val="14"/>
        <color rgb="FF000000"/>
        <rFont val="HGP教科書体"/>
        <family val="1"/>
        <charset val="128"/>
      </rPr>
      <t>り。</t>
    </r>
  </si>
  <si>
    <r>
      <t>キリツ</t>
    </r>
    <r>
      <rPr>
        <sz val="14"/>
        <color rgb="FF000000"/>
        <rFont val="HGP教科書体"/>
        <family val="1"/>
        <charset val="128"/>
      </rPr>
      <t>を守る。</t>
    </r>
  </si>
  <si>
    <r>
      <t>カクメイ</t>
    </r>
    <r>
      <rPr>
        <sz val="14"/>
        <color rgb="FF000000"/>
        <rFont val="HGP教科書体"/>
        <family val="1"/>
        <charset val="128"/>
      </rPr>
      <t>が起きる。</t>
    </r>
  </si>
  <si>
    <r>
      <t>的に向けて矢を</t>
    </r>
    <r>
      <rPr>
        <b/>
        <u/>
        <sz val="14"/>
        <color rgb="FF000000"/>
        <rFont val="HGP教科書体"/>
        <family val="1"/>
        <charset val="128"/>
      </rPr>
      <t>イ</t>
    </r>
    <r>
      <rPr>
        <sz val="14"/>
        <color rgb="FF000000"/>
        <rFont val="HGP教科書体"/>
        <family val="1"/>
        <charset val="128"/>
      </rPr>
      <t>る。</t>
    </r>
  </si>
  <si>
    <r>
      <t>税金を</t>
    </r>
    <r>
      <rPr>
        <b/>
        <u/>
        <sz val="14"/>
        <color rgb="FF000000"/>
        <rFont val="HGP教科書体"/>
        <family val="1"/>
        <charset val="128"/>
      </rPr>
      <t>オサ</t>
    </r>
    <r>
      <rPr>
        <sz val="14"/>
        <color rgb="FF000000"/>
        <rFont val="HGP教科書体"/>
        <family val="1"/>
        <charset val="128"/>
      </rPr>
      <t>める。</t>
    </r>
  </si>
  <si>
    <r>
      <t>人手不足の</t>
    </r>
    <r>
      <rPr>
        <b/>
        <u/>
        <sz val="14"/>
        <color rgb="FF000000"/>
        <rFont val="HGP教科書体"/>
        <family val="1"/>
        <charset val="128"/>
      </rPr>
      <t>タイサク</t>
    </r>
    <r>
      <rPr>
        <sz val="14"/>
        <color rgb="FF000000"/>
        <rFont val="HGP教科書体"/>
        <family val="1"/>
        <charset val="128"/>
      </rPr>
      <t>をたてる。</t>
    </r>
  </si>
  <si>
    <r>
      <t>大会で</t>
    </r>
    <r>
      <rPr>
        <b/>
        <u/>
        <sz val="14"/>
        <color rgb="FF000000"/>
        <rFont val="HGP教科書体"/>
        <family val="1"/>
        <charset val="128"/>
      </rPr>
      <t>ユウショウ</t>
    </r>
    <r>
      <rPr>
        <sz val="14"/>
        <color rgb="FF000000"/>
        <rFont val="HGP教科書体"/>
        <family val="1"/>
        <charset val="128"/>
      </rPr>
      <t>する。</t>
    </r>
  </si>
  <si>
    <r>
      <t>手紙を</t>
    </r>
    <r>
      <rPr>
        <b/>
        <u/>
        <sz val="14"/>
        <color rgb="FF000000"/>
        <rFont val="HGP教科書体"/>
        <family val="1"/>
        <charset val="128"/>
      </rPr>
      <t>トド</t>
    </r>
    <r>
      <rPr>
        <sz val="14"/>
        <color rgb="FF000000"/>
        <rFont val="HGP教科書体"/>
        <family val="1"/>
        <charset val="128"/>
      </rPr>
      <t>ける。</t>
    </r>
  </si>
  <si>
    <r>
      <t>ハラ</t>
    </r>
    <r>
      <rPr>
        <sz val="14"/>
        <color rgb="FF000000"/>
        <rFont val="HGP教科書体"/>
        <family val="1"/>
        <charset val="128"/>
      </rPr>
      <t>の底から笑う。</t>
    </r>
  </si>
  <si>
    <r>
      <t>洗たく物を</t>
    </r>
    <r>
      <rPr>
        <b/>
        <u/>
        <sz val="14"/>
        <color rgb="FF000000"/>
        <rFont val="HGP教科書体"/>
        <family val="1"/>
        <charset val="128"/>
      </rPr>
      <t>ホ</t>
    </r>
    <r>
      <rPr>
        <sz val="14"/>
        <color rgb="FF000000"/>
        <rFont val="HGP教科書体"/>
        <family val="1"/>
        <charset val="128"/>
      </rPr>
      <t>す。</t>
    </r>
  </si>
  <si>
    <r>
      <t>下校の</t>
    </r>
    <r>
      <rPr>
        <b/>
        <u/>
        <sz val="14"/>
        <color rgb="FF000000"/>
        <rFont val="HGP教科書体"/>
        <family val="1"/>
        <charset val="128"/>
      </rPr>
      <t>ジコク</t>
    </r>
    <r>
      <rPr>
        <sz val="14"/>
        <color rgb="FF000000"/>
        <rFont val="HGP教科書体"/>
        <family val="1"/>
        <charset val="128"/>
      </rPr>
      <t>になった。</t>
    </r>
  </si>
  <si>
    <r>
      <t>楽な</t>
    </r>
    <r>
      <rPr>
        <b/>
        <u/>
        <sz val="14"/>
        <color rgb="FF000000"/>
        <rFont val="HGP教科書体"/>
        <family val="1"/>
        <charset val="128"/>
      </rPr>
      <t>シセイ</t>
    </r>
    <r>
      <rPr>
        <sz val="14"/>
        <color rgb="FF000000"/>
        <rFont val="HGP教科書体"/>
        <family val="1"/>
        <charset val="128"/>
      </rPr>
      <t>で話を聞く。</t>
    </r>
  </si>
  <si>
    <r>
      <t>コウチャ</t>
    </r>
    <r>
      <rPr>
        <sz val="14"/>
        <color rgb="FF000000"/>
        <rFont val="HGP教科書体"/>
        <family val="1"/>
        <charset val="128"/>
      </rPr>
      <t>を飲む。</t>
    </r>
  </si>
  <si>
    <r>
      <t>地球は</t>
    </r>
    <r>
      <rPr>
        <b/>
        <u/>
        <sz val="14"/>
        <color rgb="FF000000"/>
        <rFont val="HGP教科書体"/>
        <family val="1"/>
        <charset val="128"/>
      </rPr>
      <t>タイヨウケイ</t>
    </r>
    <r>
      <rPr>
        <sz val="14"/>
        <color rgb="FF000000"/>
        <rFont val="HGP教科書体"/>
        <family val="1"/>
        <charset val="128"/>
      </rPr>
      <t>の星だ。</t>
    </r>
  </si>
  <si>
    <r>
      <t>ハイカツリョウ</t>
    </r>
    <r>
      <rPr>
        <sz val="14"/>
        <color rgb="FF000000"/>
        <rFont val="HGP教科書体"/>
        <family val="1"/>
        <charset val="128"/>
      </rPr>
      <t>の多い人。</t>
    </r>
  </si>
  <si>
    <r>
      <t>今日は弟の</t>
    </r>
    <r>
      <rPr>
        <b/>
        <u/>
        <sz val="14"/>
        <color rgb="FF000000"/>
        <rFont val="HGP教科書体"/>
        <family val="1"/>
        <charset val="128"/>
      </rPr>
      <t>タンジョウビ</t>
    </r>
    <r>
      <rPr>
        <sz val="14"/>
        <color rgb="FF000000"/>
        <rFont val="HGP教科書体"/>
        <family val="1"/>
        <charset val="128"/>
      </rPr>
      <t>だ。</t>
    </r>
  </si>
  <si>
    <r>
      <t>商店が</t>
    </r>
    <r>
      <rPr>
        <b/>
        <u/>
        <sz val="14"/>
        <color rgb="FF000000"/>
        <rFont val="HGP教科書体"/>
        <family val="1"/>
        <charset val="128"/>
      </rPr>
      <t>リンジ</t>
    </r>
    <r>
      <rPr>
        <sz val="14"/>
        <color rgb="FF000000"/>
        <rFont val="HGP教科書体"/>
        <family val="1"/>
        <charset val="128"/>
      </rPr>
      <t>休業になる。</t>
    </r>
  </si>
  <si>
    <r>
      <t>コウゴウヘイカ</t>
    </r>
    <r>
      <rPr>
        <sz val="14"/>
        <color rgb="FF000000"/>
        <rFont val="HGP教科書体"/>
        <family val="1"/>
        <charset val="128"/>
      </rPr>
      <t>に手をふる。</t>
    </r>
  </si>
  <si>
    <r>
      <t>日本国</t>
    </r>
    <r>
      <rPr>
        <b/>
        <u/>
        <sz val="14"/>
        <color rgb="FF000000"/>
        <rFont val="HGP教科書体"/>
        <family val="1"/>
        <charset val="128"/>
      </rPr>
      <t>ケンポウ</t>
    </r>
    <r>
      <rPr>
        <sz val="14"/>
        <color rgb="FF000000"/>
        <rFont val="HGP教科書体"/>
        <family val="1"/>
        <charset val="128"/>
      </rPr>
      <t>。</t>
    </r>
  </si>
  <si>
    <r>
      <t>野外にある</t>
    </r>
    <r>
      <rPr>
        <b/>
        <u/>
        <sz val="14"/>
        <color rgb="FF000000"/>
        <rFont val="HGP教科書体"/>
        <family val="1"/>
        <charset val="128"/>
      </rPr>
      <t>ゲキジョウ</t>
    </r>
    <r>
      <rPr>
        <sz val="14"/>
        <color rgb="FF000000"/>
        <rFont val="HGP教科書体"/>
        <family val="1"/>
        <charset val="128"/>
      </rPr>
      <t>。</t>
    </r>
  </si>
  <si>
    <r>
      <t>バスの</t>
    </r>
    <r>
      <rPr>
        <b/>
        <u/>
        <sz val="14"/>
        <color rgb="FF000000"/>
        <rFont val="HGP教科書体"/>
        <family val="1"/>
        <charset val="128"/>
      </rPr>
      <t>ザセキ</t>
    </r>
    <r>
      <rPr>
        <sz val="14"/>
        <color rgb="FF000000"/>
        <rFont val="HGP教科書体"/>
        <family val="1"/>
        <charset val="128"/>
      </rPr>
      <t>を決める。</t>
    </r>
  </si>
  <si>
    <r>
      <t>切り</t>
    </r>
    <r>
      <rPr>
        <b/>
        <u/>
        <sz val="14"/>
        <color rgb="FF000000"/>
        <rFont val="HGP教科書体"/>
        <family val="1"/>
        <charset val="128"/>
      </rPr>
      <t>カブ</t>
    </r>
    <r>
      <rPr>
        <sz val="14"/>
        <color rgb="FF000000"/>
        <rFont val="HGP教科書体"/>
        <family val="1"/>
        <charset val="128"/>
      </rPr>
      <t>につまずく。</t>
    </r>
  </si>
  <si>
    <r>
      <t>キヌ</t>
    </r>
    <r>
      <rPr>
        <sz val="14"/>
        <color rgb="FF000000"/>
        <rFont val="HGP教科書体"/>
        <family val="1"/>
        <charset val="128"/>
      </rPr>
      <t>のスカーフ。</t>
    </r>
  </si>
  <si>
    <r>
      <t>メガネ</t>
    </r>
    <r>
      <rPr>
        <sz val="14"/>
        <color rgb="FF000000"/>
        <rFont val="HGP教科書体"/>
        <family val="1"/>
        <charset val="128"/>
      </rPr>
      <t>をかける。</t>
    </r>
  </si>
  <si>
    <r>
      <t>イチマイ</t>
    </r>
    <r>
      <rPr>
        <sz val="14"/>
        <color rgb="FF000000"/>
        <rFont val="HGP教科書体"/>
        <family val="1"/>
        <charset val="128"/>
      </rPr>
      <t>の絵。</t>
    </r>
  </si>
  <si>
    <r>
      <t>ハゲ</t>
    </r>
    <r>
      <rPr>
        <sz val="14"/>
        <color rgb="FF000000"/>
        <rFont val="HGP教科書体"/>
        <family val="1"/>
        <charset val="128"/>
      </rPr>
      <t>しい雨でびしょびしょだ。</t>
    </r>
  </si>
  <si>
    <r>
      <t>人材を</t>
    </r>
    <r>
      <rPr>
        <b/>
        <u/>
        <sz val="14"/>
        <color rgb="FF000000"/>
        <rFont val="HGP教科書体"/>
        <family val="1"/>
        <charset val="128"/>
      </rPr>
      <t>ハ</t>
    </r>
    <r>
      <rPr>
        <sz val="14"/>
        <color rgb="FF000000"/>
        <rFont val="HGP教科書体"/>
        <family val="1"/>
        <charset val="128"/>
      </rPr>
      <t>けんする。</t>
    </r>
  </si>
  <si>
    <r>
      <t>大きな</t>
    </r>
    <r>
      <rPr>
        <b/>
        <u/>
        <sz val="14"/>
        <color rgb="FF000000"/>
        <rFont val="HGP教科書体"/>
        <family val="1"/>
        <charset val="128"/>
      </rPr>
      <t>カンバン</t>
    </r>
    <r>
      <rPr>
        <sz val="14"/>
        <color rgb="FF000000"/>
        <rFont val="HGP教科書体"/>
        <family val="1"/>
        <charset val="128"/>
      </rPr>
      <t>を見上げる。</t>
    </r>
  </si>
  <si>
    <r>
      <t>空が夕日で赤く</t>
    </r>
    <r>
      <rPr>
        <b/>
        <u/>
        <sz val="14"/>
        <color rgb="FF000000"/>
        <rFont val="HGP教科書体"/>
        <family val="1"/>
        <charset val="128"/>
      </rPr>
      <t>ソ</t>
    </r>
    <r>
      <rPr>
        <sz val="14"/>
        <color rgb="FF000000"/>
        <rFont val="HGP教科書体"/>
        <family val="1"/>
        <charset val="128"/>
      </rPr>
      <t>まる。</t>
    </r>
  </si>
  <si>
    <r>
      <t>ドウソウカイ</t>
    </r>
    <r>
      <rPr>
        <sz val="14"/>
        <color rgb="FF000000"/>
        <rFont val="HGP教科書体"/>
        <family val="1"/>
        <charset val="128"/>
      </rPr>
      <t>を開く。</t>
    </r>
  </si>
  <si>
    <r>
      <t>数々の</t>
    </r>
    <r>
      <rPr>
        <b/>
        <u/>
        <sz val="14"/>
        <color rgb="FF000000"/>
        <rFont val="HGP教科書体"/>
        <family val="1"/>
        <charset val="128"/>
      </rPr>
      <t>ショウガイ</t>
    </r>
    <r>
      <rPr>
        <sz val="14"/>
        <color rgb="FF000000"/>
        <rFont val="HGP教科書体"/>
        <family val="1"/>
        <charset val="128"/>
      </rPr>
      <t>を乗りこえる。</t>
    </r>
  </si>
  <si>
    <r>
      <t>兄は医者の</t>
    </r>
    <r>
      <rPr>
        <b/>
        <u/>
        <sz val="14"/>
        <color rgb="FF000000"/>
        <rFont val="HGP教科書体"/>
        <family val="1"/>
        <charset val="128"/>
      </rPr>
      <t>タマゴ</t>
    </r>
    <r>
      <rPr>
        <sz val="14"/>
        <color rgb="FF000000"/>
        <rFont val="HGP教科書体"/>
        <family val="1"/>
        <charset val="128"/>
      </rPr>
      <t>だ。</t>
    </r>
  </si>
  <si>
    <r>
      <t>コウテツ</t>
    </r>
    <r>
      <rPr>
        <sz val="14"/>
        <color rgb="FF000000"/>
        <rFont val="HGP教科書体"/>
        <family val="1"/>
        <charset val="128"/>
      </rPr>
      <t>で造られたビル。</t>
    </r>
  </si>
  <si>
    <r>
      <t>イッスン</t>
    </r>
    <r>
      <rPr>
        <sz val="14"/>
        <color rgb="FF000000"/>
        <rFont val="HGP教科書体"/>
        <family val="1"/>
        <charset val="128"/>
      </rPr>
      <t>先はやみ。</t>
    </r>
  </si>
  <si>
    <r>
      <t>他国と</t>
    </r>
    <r>
      <rPr>
        <b/>
        <u/>
        <sz val="14"/>
        <color rgb="FF000000"/>
        <rFont val="HGP教科書体"/>
        <family val="1"/>
        <charset val="128"/>
      </rPr>
      <t>ドウメイ</t>
    </r>
    <r>
      <rPr>
        <sz val="14"/>
        <color rgb="FF000000"/>
        <rFont val="HGP教科書体"/>
        <family val="1"/>
        <charset val="128"/>
      </rPr>
      <t>を組む。</t>
    </r>
  </si>
  <si>
    <r>
      <t>逆転ホームランに</t>
    </r>
    <r>
      <rPr>
        <b/>
        <u/>
        <sz val="14"/>
        <color rgb="FF000000"/>
        <rFont val="HGP教科書体"/>
        <family val="1"/>
        <charset val="128"/>
      </rPr>
      <t>コウフン</t>
    </r>
    <r>
      <rPr>
        <sz val="14"/>
        <color rgb="FF000000"/>
        <rFont val="HGP教科書体"/>
        <family val="1"/>
        <charset val="128"/>
      </rPr>
      <t>する。</t>
    </r>
  </si>
  <si>
    <r>
      <t>限りある</t>
    </r>
    <r>
      <rPr>
        <b/>
        <u/>
        <sz val="14"/>
        <color rgb="FF000000"/>
        <rFont val="HGP教科書体"/>
        <family val="1"/>
        <charset val="128"/>
      </rPr>
      <t>シゲン</t>
    </r>
    <r>
      <rPr>
        <sz val="14"/>
        <color rgb="FF000000"/>
        <rFont val="HGP教科書体"/>
        <family val="1"/>
        <charset val="128"/>
      </rPr>
      <t>を大切に。</t>
    </r>
  </si>
  <si>
    <r>
      <t>スイチョク</t>
    </r>
    <r>
      <rPr>
        <sz val="14"/>
        <color rgb="FF000000"/>
        <rFont val="HGP教科書体"/>
        <family val="1"/>
        <charset val="128"/>
      </rPr>
      <t>に線を引く。</t>
    </r>
  </si>
  <si>
    <r>
      <t>六月は</t>
    </r>
    <r>
      <rPr>
        <b/>
        <u/>
        <sz val="14"/>
        <color rgb="FF000000"/>
        <rFont val="HGP教科書体"/>
        <family val="1"/>
        <charset val="128"/>
      </rPr>
      <t>コウスイ</t>
    </r>
    <r>
      <rPr>
        <sz val="14"/>
        <color rgb="FF000000"/>
        <rFont val="HGP教科書体"/>
        <family val="1"/>
        <charset val="128"/>
      </rPr>
      <t>量が多い。</t>
    </r>
  </si>
  <si>
    <r>
      <t>古い切手を</t>
    </r>
    <r>
      <rPr>
        <b/>
        <u/>
        <sz val="14"/>
        <color rgb="FF000000"/>
        <rFont val="HGP教科書体"/>
        <family val="1"/>
        <charset val="128"/>
      </rPr>
      <t>シュウシュウ</t>
    </r>
    <r>
      <rPr>
        <sz val="14"/>
        <color rgb="FF000000"/>
        <rFont val="HGP教科書体"/>
        <family val="1"/>
        <charset val="128"/>
      </rPr>
      <t>する。</t>
    </r>
  </si>
  <si>
    <r>
      <t>今月で</t>
    </r>
    <r>
      <rPr>
        <b/>
        <u/>
        <sz val="14"/>
        <color rgb="FF000000"/>
        <rFont val="HGP教科書体"/>
        <family val="1"/>
        <charset val="128"/>
      </rPr>
      <t>ヘイテン</t>
    </r>
    <r>
      <rPr>
        <sz val="14"/>
        <color rgb="FF000000"/>
        <rFont val="HGP教科書体"/>
        <family val="1"/>
        <charset val="128"/>
      </rPr>
      <t>する。</t>
    </r>
  </si>
  <si>
    <r>
      <t>野口英世を</t>
    </r>
    <r>
      <rPr>
        <b/>
        <u/>
        <sz val="14"/>
        <color rgb="FF000000"/>
        <rFont val="HGP教科書体"/>
        <family val="1"/>
        <charset val="128"/>
      </rPr>
      <t>ソンケイ</t>
    </r>
    <r>
      <rPr>
        <sz val="14"/>
        <color rgb="FF000000"/>
        <rFont val="HGP教科書体"/>
        <family val="1"/>
        <charset val="128"/>
      </rPr>
      <t>する。</t>
    </r>
  </si>
  <si>
    <r>
      <t>本を</t>
    </r>
    <r>
      <rPr>
        <b/>
        <u/>
        <sz val="14"/>
        <color rgb="FF000000"/>
        <rFont val="HGP教科書体"/>
        <family val="1"/>
        <charset val="128"/>
      </rPr>
      <t>ロウドク</t>
    </r>
    <r>
      <rPr>
        <sz val="14"/>
        <color rgb="FF000000"/>
        <rFont val="HGP教科書体"/>
        <family val="1"/>
        <charset val="128"/>
      </rPr>
      <t>する。</t>
    </r>
  </si>
  <si>
    <r>
      <t>遊園地で</t>
    </r>
    <r>
      <rPr>
        <b/>
        <u/>
        <sz val="14"/>
        <color rgb="FF000000"/>
        <rFont val="HGP教科書体"/>
        <family val="1"/>
        <charset val="128"/>
      </rPr>
      <t>マイゴ</t>
    </r>
    <r>
      <rPr>
        <sz val="14"/>
        <color rgb="FF000000"/>
        <rFont val="HGP教科書体"/>
        <family val="1"/>
        <charset val="128"/>
      </rPr>
      <t>になる。</t>
    </r>
  </si>
  <si>
    <r>
      <t>コンナン</t>
    </r>
    <r>
      <rPr>
        <sz val="14"/>
        <color rgb="FF000000"/>
        <rFont val="HGP教科書体"/>
        <family val="1"/>
        <charset val="128"/>
      </rPr>
      <t>に立ち向かう。</t>
    </r>
  </si>
  <si>
    <r>
      <t>わき出る</t>
    </r>
    <r>
      <rPr>
        <b/>
        <u/>
        <sz val="14"/>
        <color rgb="FF000000"/>
        <rFont val="HGP教科書体"/>
        <family val="1"/>
        <charset val="128"/>
      </rPr>
      <t>シミズ</t>
    </r>
    <r>
      <rPr>
        <sz val="14"/>
        <color rgb="FF000000"/>
        <rFont val="HGP教科書体"/>
        <family val="1"/>
        <charset val="128"/>
      </rPr>
      <t>を飲む。</t>
    </r>
  </si>
  <si>
    <r>
      <t>ヘタ</t>
    </r>
    <r>
      <rPr>
        <sz val="14"/>
        <color rgb="FF000000"/>
        <rFont val="HGP教科書体"/>
        <family val="1"/>
        <charset val="128"/>
      </rPr>
      <t>の横好き。</t>
    </r>
  </si>
  <si>
    <r>
      <t>ヨクジツ</t>
    </r>
    <r>
      <rPr>
        <sz val="14"/>
        <color rgb="FF000000"/>
        <rFont val="HGP教科書体"/>
        <family val="1"/>
        <charset val="128"/>
      </rPr>
      <t>は晴れるでしょう。</t>
    </r>
  </si>
  <si>
    <r>
      <t>ゼン</t>
    </r>
    <r>
      <rPr>
        <sz val="14"/>
        <color rgb="FF000000"/>
        <rFont val="HGP教科書体"/>
        <family val="1"/>
        <charset val="128"/>
      </rPr>
      <t>は急げ。</t>
    </r>
  </si>
  <si>
    <r>
      <t>ウチュウリョコウ</t>
    </r>
    <r>
      <rPr>
        <sz val="14"/>
        <color rgb="FF000000"/>
        <rFont val="HGP教科書体"/>
        <family val="1"/>
        <charset val="128"/>
      </rPr>
      <t>へ出かける。</t>
    </r>
  </si>
  <si>
    <r>
      <t>入会を</t>
    </r>
    <r>
      <rPr>
        <b/>
        <u/>
        <sz val="14"/>
        <color rgb="FF000000"/>
        <rFont val="HGP教科書体"/>
        <family val="1"/>
        <charset val="128"/>
      </rPr>
      <t>ミト</t>
    </r>
    <r>
      <rPr>
        <sz val="14"/>
        <color rgb="FF000000"/>
        <rFont val="HGP教科書体"/>
        <family val="1"/>
        <charset val="128"/>
      </rPr>
      <t>める。</t>
    </r>
  </si>
  <si>
    <r>
      <t>会議では</t>
    </r>
    <r>
      <rPr>
        <b/>
        <u/>
        <sz val="14"/>
        <color rgb="FF000000"/>
        <rFont val="HGP教科書体"/>
        <family val="1"/>
        <charset val="128"/>
      </rPr>
      <t>シゴ</t>
    </r>
    <r>
      <rPr>
        <sz val="14"/>
        <color rgb="FF000000"/>
        <rFont val="HGP教科書体"/>
        <family val="1"/>
        <charset val="128"/>
      </rPr>
      <t>をつつしむ。</t>
    </r>
  </si>
  <si>
    <r>
      <t>ジコ</t>
    </r>
    <r>
      <rPr>
        <sz val="14"/>
        <color rgb="FF000000"/>
        <rFont val="HGP教科書体"/>
        <family val="1"/>
        <charset val="128"/>
      </rPr>
      <t>しょうかいをする。</t>
    </r>
  </si>
  <si>
    <r>
      <t>ナイカク</t>
    </r>
    <r>
      <rPr>
        <sz val="14"/>
        <color rgb="FF000000"/>
        <rFont val="HGP教科書体"/>
        <family val="1"/>
        <charset val="128"/>
      </rPr>
      <t>総理大臣。</t>
    </r>
  </si>
  <si>
    <r>
      <t>川に</t>
    </r>
    <r>
      <rPr>
        <b/>
        <u/>
        <sz val="14"/>
        <color rgb="FF000000"/>
        <rFont val="HGP教科書体"/>
        <family val="1"/>
        <charset val="128"/>
      </rPr>
      <t>ソ</t>
    </r>
    <r>
      <rPr>
        <sz val="14"/>
        <color rgb="FF000000"/>
        <rFont val="HGP教科書体"/>
        <family val="1"/>
        <charset val="128"/>
      </rPr>
      <t>って歩く。</t>
    </r>
  </si>
  <si>
    <r>
      <t>セイジツ</t>
    </r>
    <r>
      <rPr>
        <sz val="14"/>
        <color rgb="FF000000"/>
        <rFont val="HGP教科書体"/>
        <family val="1"/>
        <charset val="128"/>
      </rPr>
      <t>な態度で人と接する。</t>
    </r>
  </si>
  <si>
    <r>
      <t>情報が多くて</t>
    </r>
    <r>
      <rPr>
        <b/>
        <u/>
        <sz val="14"/>
        <color rgb="FF000000"/>
        <rFont val="HGP教科書体"/>
        <family val="1"/>
        <charset val="128"/>
      </rPr>
      <t>コンラン</t>
    </r>
    <r>
      <rPr>
        <sz val="14"/>
        <color rgb="FF000000"/>
        <rFont val="HGP教科書体"/>
        <family val="1"/>
        <charset val="128"/>
      </rPr>
      <t>する。</t>
    </r>
  </si>
  <si>
    <r>
      <t>千葉市は</t>
    </r>
    <r>
      <rPr>
        <b/>
        <u/>
        <sz val="14"/>
        <color rgb="FF000000"/>
        <rFont val="HGP教科書体"/>
        <family val="1"/>
        <charset val="128"/>
      </rPr>
      <t>ケンチョウ</t>
    </r>
    <r>
      <rPr>
        <sz val="14"/>
        <color rgb="FF000000"/>
        <rFont val="HGP教科書体"/>
        <family val="1"/>
        <charset val="128"/>
      </rPr>
      <t>所在地だ。</t>
    </r>
  </si>
  <si>
    <r>
      <t>オーケストラの</t>
    </r>
    <r>
      <rPr>
        <b/>
        <u/>
        <sz val="14"/>
        <color rgb="FF000000"/>
        <rFont val="HGP教科書体"/>
        <family val="1"/>
        <charset val="128"/>
      </rPr>
      <t>シキシャ</t>
    </r>
    <r>
      <rPr>
        <sz val="14"/>
        <color rgb="FF000000"/>
        <rFont val="HGP教科書体"/>
        <family val="1"/>
        <charset val="128"/>
      </rPr>
      <t>。</t>
    </r>
  </si>
  <si>
    <r>
      <t>音楽の時間に</t>
    </r>
    <r>
      <rPr>
        <b/>
        <u/>
        <sz val="14"/>
        <color rgb="FF000000"/>
        <rFont val="HGP教科書体"/>
        <family val="1"/>
        <charset val="128"/>
      </rPr>
      <t>ガッソウ</t>
    </r>
    <r>
      <rPr>
        <sz val="14"/>
        <color rgb="FF000000"/>
        <rFont val="HGP教科書体"/>
        <family val="1"/>
        <charset val="128"/>
      </rPr>
      <t>する。</t>
    </r>
  </si>
  <si>
    <r>
      <t>担任</t>
    </r>
    <r>
      <rPr>
        <sz val="14"/>
        <color rgb="FF000000"/>
        <rFont val="HGP教科書体"/>
        <family val="1"/>
        <charset val="128"/>
      </rPr>
      <t>の先生のお話。</t>
    </r>
  </si>
  <si>
    <r>
      <t>幼</t>
    </r>
    <r>
      <rPr>
        <sz val="14"/>
        <color rgb="FF000000"/>
        <rFont val="HGP教科書体"/>
        <family val="1"/>
        <charset val="128"/>
      </rPr>
      <t>い子どもの笑い声。</t>
    </r>
  </si>
  <si>
    <r>
      <t>婦人</t>
    </r>
    <r>
      <rPr>
        <b/>
        <u/>
        <sz val="14"/>
        <color rgb="FF000000"/>
        <rFont val="HGP教科書体"/>
        <family val="1"/>
        <charset val="128"/>
      </rPr>
      <t>警官</t>
    </r>
    <r>
      <rPr>
        <sz val="14"/>
        <color rgb="FF000000"/>
        <rFont val="HGP教科書体"/>
        <family val="1"/>
        <charset val="128"/>
      </rPr>
      <t>に道を聞く。</t>
    </r>
  </si>
  <si>
    <r>
      <t>地層</t>
    </r>
    <r>
      <rPr>
        <sz val="14"/>
        <color rgb="FF000000"/>
        <rFont val="HGP教科書体"/>
        <family val="1"/>
        <charset val="128"/>
      </rPr>
      <t>から化石をほり出す。</t>
    </r>
  </si>
  <si>
    <r>
      <t>学級</t>
    </r>
    <r>
      <rPr>
        <b/>
        <u/>
        <sz val="14"/>
        <color rgb="FF000000"/>
        <rFont val="HGP教科書体"/>
        <family val="1"/>
        <charset val="128"/>
      </rPr>
      <t>日誌</t>
    </r>
    <r>
      <rPr>
        <sz val="14"/>
        <color rgb="FF000000"/>
        <rFont val="HGP教科書体"/>
        <family val="1"/>
        <charset val="128"/>
      </rPr>
      <t>を書く。</t>
    </r>
  </si>
  <si>
    <r>
      <t>単純</t>
    </r>
    <r>
      <rPr>
        <sz val="14"/>
        <color rgb="FF000000"/>
        <rFont val="HGP教科書体"/>
        <family val="1"/>
        <charset val="128"/>
      </rPr>
      <t>なつくりの機械。</t>
    </r>
  </si>
  <si>
    <r>
      <t>温泉</t>
    </r>
    <r>
      <rPr>
        <sz val="14"/>
        <color rgb="FF000000"/>
        <rFont val="HGP教科書体"/>
        <family val="1"/>
        <charset val="128"/>
      </rPr>
      <t>に入る。</t>
    </r>
  </si>
  <si>
    <r>
      <t>大衆</t>
    </r>
    <r>
      <rPr>
        <sz val="14"/>
        <color rgb="FF000000"/>
        <rFont val="HGP教科書体"/>
        <family val="1"/>
        <charset val="128"/>
      </rPr>
      <t>から支持を得る。</t>
    </r>
  </si>
  <si>
    <r>
      <t>キャベツを</t>
    </r>
    <r>
      <rPr>
        <b/>
        <u/>
        <sz val="14"/>
        <color rgb="FF000000"/>
        <rFont val="HGP教科書体"/>
        <family val="1"/>
        <charset val="128"/>
      </rPr>
      <t>刻</t>
    </r>
    <r>
      <rPr>
        <sz val="14"/>
        <color rgb="FF000000"/>
        <rFont val="HGP教科書体"/>
        <family val="1"/>
        <charset val="128"/>
      </rPr>
      <t>む。</t>
    </r>
  </si>
  <si>
    <r>
      <t>空腹</t>
    </r>
    <r>
      <rPr>
        <sz val="14"/>
        <color rgb="FF000000"/>
        <rFont val="HGP教科書体"/>
        <family val="1"/>
        <charset val="128"/>
      </rPr>
      <t>にたえられない。</t>
    </r>
  </si>
  <si>
    <r>
      <t>危険</t>
    </r>
    <r>
      <rPr>
        <sz val="14"/>
        <color rgb="FF000000"/>
        <rFont val="HGP教科書体"/>
        <family val="1"/>
        <charset val="128"/>
      </rPr>
      <t>な場所には入るな。</t>
    </r>
  </si>
  <si>
    <r>
      <t>コーヒーに</t>
    </r>
    <r>
      <rPr>
        <b/>
        <u/>
        <sz val="14"/>
        <color rgb="FF000000"/>
        <rFont val="HGP教科書体"/>
        <family val="1"/>
        <charset val="128"/>
      </rPr>
      <t>砂糖</t>
    </r>
    <r>
      <rPr>
        <sz val="14"/>
        <color rgb="FF000000"/>
        <rFont val="HGP教科書体"/>
        <family val="1"/>
        <charset val="128"/>
      </rPr>
      <t>を入れる。</t>
    </r>
  </si>
  <si>
    <r>
      <t>お金が足りなくて</t>
    </r>
    <r>
      <rPr>
        <b/>
        <u/>
        <sz val="14"/>
        <color rgb="FF000000"/>
        <rFont val="HGP教科書体"/>
        <family val="1"/>
        <charset val="128"/>
      </rPr>
      <t>困</t>
    </r>
    <r>
      <rPr>
        <sz val="14"/>
        <color rgb="FF000000"/>
        <rFont val="HGP教科書体"/>
        <family val="1"/>
        <charset val="128"/>
      </rPr>
      <t>った。</t>
    </r>
  </si>
  <si>
    <r>
      <t>神の</t>
    </r>
    <r>
      <rPr>
        <b/>
        <u/>
        <sz val="14"/>
        <color rgb="FF000000"/>
        <rFont val="HGP教科書体"/>
        <family val="1"/>
        <charset val="128"/>
      </rPr>
      <t>存在</t>
    </r>
    <r>
      <rPr>
        <sz val="14"/>
        <color rgb="FF000000"/>
        <rFont val="HGP教科書体"/>
        <family val="1"/>
        <charset val="128"/>
      </rPr>
      <t>を信じる。</t>
    </r>
  </si>
  <si>
    <r>
      <t>自宅</t>
    </r>
    <r>
      <rPr>
        <sz val="14"/>
        <color rgb="FF000000"/>
        <rFont val="HGP教科書体"/>
        <family val="1"/>
        <charset val="128"/>
      </rPr>
      <t>に荷物をとどける。</t>
    </r>
  </si>
  <si>
    <r>
      <t>宝物</t>
    </r>
    <r>
      <rPr>
        <sz val="14"/>
        <color rgb="FF000000"/>
        <rFont val="HGP教科書体"/>
        <family val="1"/>
        <charset val="128"/>
      </rPr>
      <t>をさがす。</t>
    </r>
  </si>
  <si>
    <r>
      <t>野生のシカが</t>
    </r>
    <r>
      <rPr>
        <b/>
        <u/>
        <sz val="14"/>
        <color rgb="FF000000"/>
        <rFont val="HGP教科書体"/>
        <family val="1"/>
        <charset val="128"/>
      </rPr>
      <t>姿</t>
    </r>
    <r>
      <rPr>
        <sz val="14"/>
        <color rgb="FF000000"/>
        <rFont val="HGP教科書体"/>
        <family val="1"/>
        <charset val="128"/>
      </rPr>
      <t>を現す。</t>
    </r>
  </si>
  <si>
    <r>
      <t>地球</t>
    </r>
    <r>
      <rPr>
        <b/>
        <u/>
        <sz val="14"/>
        <color rgb="FF000000"/>
        <rFont val="HGP教科書体"/>
        <family val="1"/>
        <charset val="128"/>
      </rPr>
      <t>温暖</t>
    </r>
    <r>
      <rPr>
        <sz val="14"/>
        <color rgb="FF000000"/>
        <rFont val="HGP教科書体"/>
        <family val="1"/>
        <charset val="128"/>
      </rPr>
      <t>化。</t>
    </r>
  </si>
  <si>
    <r>
      <t>仏様への</t>
    </r>
    <r>
      <rPr>
        <b/>
        <u/>
        <sz val="14"/>
        <color rgb="FF000000"/>
        <rFont val="HGP教科書体"/>
        <family val="1"/>
        <charset val="128"/>
      </rPr>
      <t>供</t>
    </r>
    <r>
      <rPr>
        <sz val="14"/>
        <color rgb="FF000000"/>
        <rFont val="HGP教科書体"/>
        <family val="1"/>
        <charset val="128"/>
      </rPr>
      <t>え物。</t>
    </r>
  </si>
  <si>
    <r>
      <t>地域</t>
    </r>
    <r>
      <rPr>
        <sz val="14"/>
        <color rgb="FF000000"/>
        <rFont val="HGP教科書体"/>
        <family val="1"/>
        <charset val="128"/>
      </rPr>
      <t>の方とふれあう。</t>
    </r>
  </si>
  <si>
    <r>
      <t>班</t>
    </r>
    <r>
      <rPr>
        <sz val="14"/>
        <color rgb="FF000000"/>
        <rFont val="HGP教科書体"/>
        <family val="1"/>
        <charset val="128"/>
      </rPr>
      <t>に分かれる。</t>
    </r>
  </si>
  <si>
    <r>
      <t>辞典で</t>
    </r>
    <r>
      <rPr>
        <b/>
        <u/>
        <sz val="14"/>
        <color rgb="FF000000"/>
        <rFont val="HGP教科書体"/>
        <family val="1"/>
        <charset val="128"/>
      </rPr>
      <t>探</t>
    </r>
    <r>
      <rPr>
        <sz val="14"/>
        <color rgb="FF000000"/>
        <rFont val="HGP教科書体"/>
        <family val="1"/>
        <charset val="128"/>
      </rPr>
      <t>す。</t>
    </r>
  </si>
  <si>
    <r>
      <t>将来</t>
    </r>
    <r>
      <rPr>
        <sz val="14"/>
        <color rgb="FF000000"/>
        <rFont val="HGP教科書体"/>
        <family val="1"/>
        <charset val="128"/>
      </rPr>
      <t>の夢を語る。</t>
    </r>
  </si>
  <si>
    <r>
      <t>水面に月が</t>
    </r>
    <r>
      <rPr>
        <b/>
        <u/>
        <sz val="14"/>
        <color rgb="FF000000"/>
        <rFont val="HGP教科書体"/>
        <family val="1"/>
        <charset val="128"/>
      </rPr>
      <t>映</t>
    </r>
    <r>
      <rPr>
        <sz val="14"/>
        <color rgb="FF000000"/>
        <rFont val="HGP教科書体"/>
        <family val="1"/>
        <charset val="128"/>
      </rPr>
      <t>る。</t>
    </r>
  </si>
  <si>
    <r>
      <t>すぐれた</t>
    </r>
    <r>
      <rPr>
        <b/>
        <u/>
        <sz val="14"/>
        <color rgb="FF000000"/>
        <rFont val="HGP教科書体"/>
        <family val="1"/>
        <charset val="128"/>
      </rPr>
      <t>頭脳</t>
    </r>
    <r>
      <rPr>
        <sz val="14"/>
        <color rgb="FF000000"/>
        <rFont val="HGP教科書体"/>
        <family val="1"/>
        <charset val="128"/>
      </rPr>
      <t>。</t>
    </r>
  </si>
  <si>
    <r>
      <t>別冊</t>
    </r>
    <r>
      <rPr>
        <sz val="14"/>
        <color rgb="FF000000"/>
        <rFont val="HGP教科書体"/>
        <family val="1"/>
        <charset val="128"/>
      </rPr>
      <t>の付録。</t>
    </r>
  </si>
  <si>
    <r>
      <t>経済</t>
    </r>
    <r>
      <rPr>
        <sz val="14"/>
        <color rgb="FF000000"/>
        <rFont val="HGP教科書体"/>
        <family val="1"/>
        <charset val="128"/>
      </rPr>
      <t>について学ぶ。</t>
    </r>
  </si>
  <si>
    <r>
      <t>聖書</t>
    </r>
    <r>
      <rPr>
        <sz val="14"/>
        <color rgb="FF000000"/>
        <rFont val="HGP教科書体"/>
        <family val="1"/>
        <charset val="128"/>
      </rPr>
      <t>を読む。</t>
    </r>
  </si>
  <si>
    <r>
      <t>イギリスの</t>
    </r>
    <r>
      <rPr>
        <b/>
        <u/>
        <sz val="14"/>
        <color rgb="FF000000"/>
        <rFont val="HGP教科書体"/>
        <family val="1"/>
        <charset val="128"/>
      </rPr>
      <t>貴族</t>
    </r>
    <r>
      <rPr>
        <sz val="14"/>
        <color rgb="FF000000"/>
        <rFont val="HGP教科書体"/>
        <family val="1"/>
        <charset val="128"/>
      </rPr>
      <t>。</t>
    </r>
  </si>
  <si>
    <r>
      <t>親孝行</t>
    </r>
    <r>
      <rPr>
        <sz val="14"/>
        <color rgb="FF000000"/>
        <rFont val="HGP教科書体"/>
        <family val="1"/>
        <charset val="128"/>
      </rPr>
      <t>な息子。</t>
    </r>
  </si>
  <si>
    <r>
      <t>童話を</t>
    </r>
    <r>
      <rPr>
        <b/>
        <u/>
        <sz val="14"/>
        <color rgb="FF000000"/>
        <rFont val="HGP教科書体"/>
        <family val="1"/>
        <charset val="128"/>
      </rPr>
      <t>創作</t>
    </r>
    <r>
      <rPr>
        <sz val="14"/>
        <color rgb="FF000000"/>
        <rFont val="HGP教科書体"/>
        <family val="1"/>
        <charset val="128"/>
      </rPr>
      <t>する。</t>
    </r>
  </si>
  <si>
    <r>
      <t>命令に</t>
    </r>
    <r>
      <rPr>
        <b/>
        <u/>
        <sz val="14"/>
        <color rgb="FF000000"/>
        <rFont val="HGP教科書体"/>
        <family val="1"/>
        <charset val="128"/>
      </rPr>
      <t>従</t>
    </r>
    <r>
      <rPr>
        <sz val="14"/>
        <color rgb="FF000000"/>
        <rFont val="HGP教科書体"/>
        <family val="1"/>
        <charset val="128"/>
      </rPr>
      <t>う。</t>
    </r>
  </si>
  <si>
    <r>
      <t>歌詞</t>
    </r>
    <r>
      <rPr>
        <sz val="14"/>
        <color rgb="FF000000"/>
        <rFont val="HGP教科書体"/>
        <family val="1"/>
        <charset val="128"/>
      </rPr>
      <t>を見ながら歌う。</t>
    </r>
  </si>
  <si>
    <r>
      <t>この問題は</t>
    </r>
    <r>
      <rPr>
        <b/>
        <u/>
        <sz val="14"/>
        <color rgb="FF000000"/>
        <rFont val="HGP教科書体"/>
        <family val="1"/>
        <charset val="128"/>
      </rPr>
      <t>簡単</t>
    </r>
    <r>
      <rPr>
        <sz val="14"/>
        <color rgb="FF000000"/>
        <rFont val="HGP教科書体"/>
        <family val="1"/>
        <charset val="128"/>
      </rPr>
      <t>だ。</t>
    </r>
  </si>
  <si>
    <r>
      <t>蚕</t>
    </r>
    <r>
      <rPr>
        <sz val="14"/>
        <color rgb="FF000000"/>
        <rFont val="HGP教科書体"/>
        <family val="1"/>
        <charset val="128"/>
      </rPr>
      <t>のまゆ。</t>
    </r>
  </si>
  <si>
    <r>
      <t>名前を</t>
    </r>
    <r>
      <rPr>
        <b/>
        <u/>
        <sz val="14"/>
        <color rgb="FF000000"/>
        <rFont val="HGP教科書体"/>
        <family val="1"/>
        <charset val="128"/>
      </rPr>
      <t>呼</t>
    </r>
    <r>
      <rPr>
        <sz val="14"/>
        <color rgb="FF000000"/>
        <rFont val="HGP教科書体"/>
        <family val="1"/>
        <charset val="128"/>
      </rPr>
      <t>ぶ。</t>
    </r>
  </si>
  <si>
    <r>
      <t>コップが</t>
    </r>
    <r>
      <rPr>
        <b/>
        <u/>
        <sz val="14"/>
        <color rgb="FF000000"/>
        <rFont val="HGP教科書体"/>
        <family val="1"/>
        <charset val="128"/>
      </rPr>
      <t>割</t>
    </r>
    <r>
      <rPr>
        <sz val="14"/>
        <color rgb="FF000000"/>
        <rFont val="HGP教科書体"/>
        <family val="1"/>
        <charset val="128"/>
      </rPr>
      <t>れる。</t>
    </r>
  </si>
  <si>
    <r>
      <t>事故で人が</t>
    </r>
    <r>
      <rPr>
        <b/>
        <u/>
        <sz val="14"/>
        <color rgb="FF000000"/>
        <rFont val="HGP教科書体"/>
        <family val="1"/>
        <charset val="128"/>
      </rPr>
      <t>死亡</t>
    </r>
    <r>
      <rPr>
        <sz val="14"/>
        <color rgb="FF000000"/>
        <rFont val="HGP教科書体"/>
        <family val="1"/>
        <charset val="128"/>
      </rPr>
      <t>する。</t>
    </r>
  </si>
  <si>
    <r>
      <t>誤解</t>
    </r>
    <r>
      <rPr>
        <sz val="14"/>
        <color rgb="FF000000"/>
        <rFont val="HGP教科書体"/>
        <family val="1"/>
        <charset val="128"/>
      </rPr>
      <t>される行動をとる。</t>
    </r>
  </si>
  <si>
    <r>
      <t>試合で足を</t>
    </r>
    <r>
      <rPr>
        <b/>
        <u/>
        <sz val="14"/>
        <color rgb="FF000000"/>
        <rFont val="HGP教科書体"/>
        <family val="1"/>
        <charset val="128"/>
      </rPr>
      <t>骨折</t>
    </r>
    <r>
      <rPr>
        <sz val="14"/>
        <color rgb="FF000000"/>
        <rFont val="HGP教科書体"/>
        <family val="1"/>
        <charset val="128"/>
      </rPr>
      <t>した。</t>
    </r>
  </si>
  <si>
    <r>
      <t>宗教</t>
    </r>
    <r>
      <rPr>
        <sz val="14"/>
        <color rgb="FF000000"/>
        <rFont val="HGP教科書体"/>
        <family val="1"/>
        <charset val="128"/>
      </rPr>
      <t>を信こうする。</t>
    </r>
  </si>
  <si>
    <r>
      <t>光が</t>
    </r>
    <r>
      <rPr>
        <b/>
        <u/>
        <sz val="14"/>
        <color rgb="FF000000"/>
        <rFont val="HGP教科書体"/>
        <family val="1"/>
        <charset val="128"/>
      </rPr>
      <t>反射</t>
    </r>
    <r>
      <rPr>
        <sz val="14"/>
        <color rgb="FF000000"/>
        <rFont val="HGP教科書体"/>
        <family val="1"/>
        <charset val="128"/>
      </rPr>
      <t>する。</t>
    </r>
  </si>
  <si>
    <r>
      <t>せんたくでシャツが</t>
    </r>
    <r>
      <rPr>
        <b/>
        <u/>
        <sz val="14"/>
        <color rgb="FF000000"/>
        <rFont val="HGP教科書体"/>
        <family val="1"/>
        <charset val="128"/>
      </rPr>
      <t>縮</t>
    </r>
    <r>
      <rPr>
        <sz val="14"/>
        <color rgb="FF000000"/>
        <rFont val="HGP教科書体"/>
        <family val="1"/>
        <charset val="128"/>
      </rPr>
      <t>む。</t>
    </r>
  </si>
  <si>
    <r>
      <t>まだ</t>
    </r>
    <r>
      <rPr>
        <b/>
        <u/>
        <sz val="14"/>
        <color rgb="FF000000"/>
        <rFont val="HGP教科書体"/>
        <family val="1"/>
        <charset val="128"/>
      </rPr>
      <t>未熟</t>
    </r>
    <r>
      <rPr>
        <sz val="14"/>
        <color rgb="FF000000"/>
        <rFont val="HGP教科書体"/>
        <family val="1"/>
        <charset val="128"/>
      </rPr>
      <t>なうで前だ。</t>
    </r>
  </si>
  <si>
    <r>
      <t>秘密</t>
    </r>
    <r>
      <rPr>
        <sz val="14"/>
        <color rgb="FF000000"/>
        <rFont val="HGP教科書体"/>
        <family val="1"/>
        <charset val="128"/>
      </rPr>
      <t>をもらす。</t>
    </r>
  </si>
  <si>
    <r>
      <t>自転車で日本を</t>
    </r>
    <r>
      <rPr>
        <b/>
        <u/>
        <sz val="14"/>
        <color rgb="FF000000"/>
        <rFont val="HGP教科書体"/>
        <family val="1"/>
        <charset val="128"/>
      </rPr>
      <t>縦断</t>
    </r>
    <r>
      <rPr>
        <sz val="14"/>
        <color rgb="FF000000"/>
        <rFont val="HGP教科書体"/>
        <family val="1"/>
        <charset val="128"/>
      </rPr>
      <t>する。</t>
    </r>
  </si>
  <si>
    <r>
      <t>かれを級長に</t>
    </r>
    <r>
      <rPr>
        <b/>
        <u/>
        <sz val="14"/>
        <color rgb="FF000000"/>
        <rFont val="HGP教科書体"/>
        <family val="1"/>
        <charset val="128"/>
      </rPr>
      <t>推</t>
    </r>
    <r>
      <rPr>
        <sz val="14"/>
        <color rgb="FF000000"/>
        <rFont val="HGP教科書体"/>
        <family val="1"/>
        <charset val="128"/>
      </rPr>
      <t>せんします。</t>
    </r>
  </si>
  <si>
    <r>
      <t>夏になって日が</t>
    </r>
    <r>
      <rPr>
        <b/>
        <u/>
        <sz val="14"/>
        <color rgb="FF000000"/>
        <rFont val="HGP教科書体"/>
        <family val="1"/>
        <charset val="128"/>
      </rPr>
      <t>延</t>
    </r>
    <r>
      <rPr>
        <sz val="14"/>
        <color rgb="FF000000"/>
        <rFont val="HGP教科書体"/>
        <family val="1"/>
        <charset val="128"/>
      </rPr>
      <t>びた。</t>
    </r>
  </si>
  <si>
    <r>
      <t>転んだが、</t>
    </r>
    <r>
      <rPr>
        <b/>
        <u/>
        <sz val="14"/>
        <color rgb="FF000000"/>
        <rFont val="HGP教科書体"/>
        <family val="1"/>
        <charset val="128"/>
      </rPr>
      <t>軽傷</t>
    </r>
    <r>
      <rPr>
        <sz val="14"/>
        <color rgb="FF000000"/>
        <rFont val="HGP教科書体"/>
        <family val="1"/>
        <charset val="128"/>
      </rPr>
      <t>ですんだ。</t>
    </r>
  </si>
  <si>
    <r>
      <t>裏庭</t>
    </r>
    <r>
      <rPr>
        <sz val="14"/>
        <color rgb="FF000000"/>
        <rFont val="HGP教科書体"/>
        <family val="1"/>
        <charset val="128"/>
      </rPr>
      <t>で遊ぶ。</t>
    </r>
  </si>
  <si>
    <r>
      <t>時を</t>
    </r>
    <r>
      <rPr>
        <b/>
        <u/>
        <sz val="14"/>
        <color rgb="FF000000"/>
        <rFont val="HGP教科書体"/>
        <family val="1"/>
        <charset val="128"/>
      </rPr>
      <t>忘</t>
    </r>
    <r>
      <rPr>
        <sz val="14"/>
        <color rgb="FF000000"/>
        <rFont val="HGP教科書体"/>
        <family val="1"/>
        <charset val="128"/>
      </rPr>
      <t>れて楽しむ。</t>
    </r>
  </si>
  <si>
    <r>
      <t>灰色</t>
    </r>
    <r>
      <rPr>
        <sz val="14"/>
        <color rgb="FF000000"/>
        <rFont val="HGP教科書体"/>
        <family val="1"/>
        <charset val="128"/>
      </rPr>
      <t>の空。</t>
    </r>
  </si>
  <si>
    <r>
      <t>日が</t>
    </r>
    <r>
      <rPr>
        <b/>
        <u/>
        <sz val="14"/>
        <color rgb="FF000000"/>
        <rFont val="HGP教科書体"/>
        <family val="1"/>
        <charset val="128"/>
      </rPr>
      <t>暮</t>
    </r>
    <r>
      <rPr>
        <sz val="14"/>
        <color rgb="FF000000"/>
        <rFont val="HGP教科書体"/>
        <family val="1"/>
        <charset val="128"/>
      </rPr>
      <t>れる。</t>
    </r>
  </si>
  <si>
    <r>
      <t>生ゴミを</t>
    </r>
    <r>
      <rPr>
        <b/>
        <u/>
        <sz val="14"/>
        <color rgb="FF000000"/>
        <rFont val="HGP教科書体"/>
        <family val="1"/>
        <charset val="128"/>
      </rPr>
      <t>処理</t>
    </r>
    <r>
      <rPr>
        <sz val="14"/>
        <color rgb="FF000000"/>
        <rFont val="HGP教科書体"/>
        <family val="1"/>
        <charset val="128"/>
      </rPr>
      <t>する。</t>
    </r>
  </si>
  <si>
    <r>
      <t>政党</t>
    </r>
    <r>
      <rPr>
        <sz val="14"/>
        <color rgb="FF000000"/>
        <rFont val="HGP教科書体"/>
        <family val="1"/>
        <charset val="128"/>
      </rPr>
      <t>の支持率が下がる。</t>
    </r>
  </si>
  <si>
    <r>
      <t>諸国</t>
    </r>
    <r>
      <rPr>
        <sz val="14"/>
        <color rgb="FF000000"/>
        <rFont val="HGP教科書体"/>
        <family val="1"/>
        <charset val="128"/>
      </rPr>
      <t>を旅する。</t>
    </r>
  </si>
  <si>
    <r>
      <t>社員に</t>
    </r>
    <r>
      <rPr>
        <b/>
        <u/>
        <sz val="14"/>
        <color rgb="FF000000"/>
        <rFont val="HGP教科書体"/>
        <family val="1"/>
        <charset val="128"/>
      </rPr>
      <t>賃金</t>
    </r>
    <r>
      <rPr>
        <sz val="14"/>
        <color rgb="FF000000"/>
        <rFont val="HGP教科書体"/>
        <family val="1"/>
        <charset val="128"/>
      </rPr>
      <t>を支はらう。</t>
    </r>
  </si>
  <si>
    <r>
      <t>方位</t>
    </r>
    <r>
      <rPr>
        <b/>
        <u/>
        <sz val="14"/>
        <color rgb="FF000000"/>
        <rFont val="HGP教科書体"/>
        <family val="1"/>
        <charset val="128"/>
      </rPr>
      <t>磁石</t>
    </r>
    <r>
      <rPr>
        <sz val="14"/>
        <color rgb="FF000000"/>
        <rFont val="HGP教科書体"/>
        <family val="1"/>
        <charset val="128"/>
      </rPr>
      <t>が北を指す。</t>
    </r>
  </si>
  <si>
    <r>
      <t>水を</t>
    </r>
    <r>
      <rPr>
        <b/>
        <u/>
        <sz val="14"/>
        <color rgb="FF000000"/>
        <rFont val="HGP教科書体"/>
        <family val="1"/>
        <charset val="128"/>
      </rPr>
      <t>吸収</t>
    </r>
    <r>
      <rPr>
        <sz val="14"/>
        <color rgb="FF000000"/>
        <rFont val="HGP教科書体"/>
        <family val="1"/>
        <charset val="128"/>
      </rPr>
      <t>する布。</t>
    </r>
  </si>
  <si>
    <r>
      <t>アトラクションに</t>
    </r>
    <r>
      <rPr>
        <b/>
        <u/>
        <sz val="14"/>
        <color rgb="FF000000"/>
        <rFont val="HGP教科書体"/>
        <family val="1"/>
        <charset val="128"/>
      </rPr>
      <t>並</t>
    </r>
    <r>
      <rPr>
        <sz val="14"/>
        <color rgb="FF000000"/>
        <rFont val="HGP教科書体"/>
        <family val="1"/>
        <charset val="128"/>
      </rPr>
      <t>ぶ。</t>
    </r>
  </si>
  <si>
    <r>
      <t>変わった</t>
    </r>
    <r>
      <rPr>
        <b/>
        <u/>
        <sz val="14"/>
        <color rgb="FF000000"/>
        <rFont val="HGP教科書体"/>
        <family val="1"/>
        <charset val="128"/>
      </rPr>
      <t>服装</t>
    </r>
    <r>
      <rPr>
        <sz val="14"/>
        <color rgb="FF000000"/>
        <rFont val="HGP教科書体"/>
        <family val="1"/>
        <charset val="128"/>
      </rPr>
      <t>をしている男。</t>
    </r>
  </si>
  <si>
    <r>
      <t>初日の出を</t>
    </r>
    <r>
      <rPr>
        <b/>
        <u/>
        <sz val="14"/>
        <color rgb="FF000000"/>
        <rFont val="HGP教科書体"/>
        <family val="1"/>
        <charset val="128"/>
      </rPr>
      <t>拝</t>
    </r>
    <r>
      <rPr>
        <sz val="14"/>
        <color rgb="FF000000"/>
        <rFont val="HGP教科書体"/>
        <family val="1"/>
        <charset val="128"/>
      </rPr>
      <t>む。</t>
    </r>
  </si>
  <si>
    <r>
      <t>両親を</t>
    </r>
    <r>
      <rPr>
        <b/>
        <u/>
        <sz val="14"/>
        <color rgb="FF000000"/>
        <rFont val="HGP教科書体"/>
        <family val="1"/>
        <charset val="128"/>
      </rPr>
      <t>敬</t>
    </r>
    <r>
      <rPr>
        <sz val="14"/>
        <color rgb="FF000000"/>
        <rFont val="HGP教科書体"/>
        <family val="1"/>
        <charset val="128"/>
      </rPr>
      <t>う。</t>
    </r>
  </si>
  <si>
    <r>
      <t>かれの</t>
    </r>
    <r>
      <rPr>
        <b/>
        <u/>
        <sz val="14"/>
        <color rgb="FF000000"/>
        <rFont val="HGP教科書体"/>
        <family val="1"/>
        <charset val="128"/>
      </rPr>
      <t>専門</t>
    </r>
    <r>
      <rPr>
        <sz val="14"/>
        <color rgb="FF000000"/>
        <rFont val="HGP教科書体"/>
        <family val="1"/>
        <charset val="128"/>
      </rPr>
      <t>は天文学だ。</t>
    </r>
  </si>
  <si>
    <r>
      <t>意見が</t>
    </r>
    <r>
      <rPr>
        <b/>
        <u/>
        <sz val="14"/>
        <color rgb="FF000000"/>
        <rFont val="HGP教科書体"/>
        <family val="1"/>
        <charset val="128"/>
      </rPr>
      <t>異</t>
    </r>
    <r>
      <rPr>
        <sz val="14"/>
        <color rgb="FF000000"/>
        <rFont val="HGP教科書体"/>
        <family val="1"/>
        <charset val="128"/>
      </rPr>
      <t>なる。</t>
    </r>
  </si>
  <si>
    <r>
      <t>機械を</t>
    </r>
    <r>
      <rPr>
        <b/>
        <u/>
        <sz val="14"/>
        <color rgb="FF000000"/>
        <rFont val="HGP教科書体"/>
        <family val="1"/>
        <charset val="128"/>
      </rPr>
      <t>操作</t>
    </r>
    <r>
      <rPr>
        <sz val="14"/>
        <color rgb="FF000000"/>
        <rFont val="HGP教科書体"/>
        <family val="1"/>
        <charset val="128"/>
      </rPr>
      <t>する。</t>
    </r>
  </si>
  <si>
    <r>
      <t>遠くに住む祖父を</t>
    </r>
    <r>
      <rPr>
        <b/>
        <u/>
        <sz val="14"/>
        <color rgb="FF000000"/>
        <rFont val="HGP教科書体"/>
        <family val="1"/>
        <charset val="128"/>
      </rPr>
      <t>訪</t>
    </r>
    <r>
      <rPr>
        <sz val="14"/>
        <color rgb="FF000000"/>
        <rFont val="HGP教科書体"/>
        <family val="1"/>
        <charset val="128"/>
      </rPr>
      <t>ねる。</t>
    </r>
  </si>
  <si>
    <r>
      <t>晩</t>
    </r>
    <r>
      <rPr>
        <sz val="14"/>
        <color rgb="FF000000"/>
        <rFont val="HGP教科書体"/>
        <family val="1"/>
        <charset val="128"/>
      </rPr>
      <t>ご飯を食べる。</t>
    </r>
  </si>
  <si>
    <r>
      <t>つり糸を</t>
    </r>
    <r>
      <rPr>
        <b/>
        <u/>
        <sz val="14"/>
        <color rgb="FF000000"/>
        <rFont val="HGP教科書体"/>
        <family val="1"/>
        <charset val="128"/>
      </rPr>
      <t>垂</t>
    </r>
    <r>
      <rPr>
        <sz val="14"/>
        <color rgb="FF000000"/>
        <rFont val="HGP教科書体"/>
        <family val="1"/>
        <charset val="128"/>
      </rPr>
      <t>らす。</t>
    </r>
  </si>
  <si>
    <r>
      <t>度胸</t>
    </r>
    <r>
      <rPr>
        <sz val="14"/>
        <color rgb="FF000000"/>
        <rFont val="HGP教科書体"/>
        <family val="1"/>
        <charset val="128"/>
      </rPr>
      <t>のすわった人。</t>
    </r>
  </si>
  <si>
    <r>
      <t>ねじを</t>
    </r>
    <r>
      <rPr>
        <b/>
        <u/>
        <sz val="14"/>
        <color rgb="FF000000"/>
        <rFont val="HGP教科書体"/>
        <family val="1"/>
        <charset val="128"/>
      </rPr>
      <t>巻</t>
    </r>
    <r>
      <rPr>
        <sz val="14"/>
        <color rgb="FF000000"/>
        <rFont val="HGP教科書体"/>
        <family val="1"/>
        <charset val="128"/>
      </rPr>
      <t>く。</t>
    </r>
  </si>
  <si>
    <r>
      <t>背景</t>
    </r>
    <r>
      <rPr>
        <sz val="14"/>
        <color rgb="FF000000"/>
        <rFont val="HGP教科書体"/>
        <family val="1"/>
        <charset val="128"/>
      </rPr>
      <t>を細かくえがいた絵。</t>
    </r>
  </si>
  <si>
    <r>
      <t>皿を</t>
    </r>
    <r>
      <rPr>
        <b/>
        <u/>
        <sz val="14"/>
        <color rgb="FF000000"/>
        <rFont val="HGP教科書体"/>
        <family val="1"/>
        <charset val="128"/>
      </rPr>
      <t>洗</t>
    </r>
    <r>
      <rPr>
        <sz val="14"/>
        <color rgb="FF000000"/>
        <rFont val="HGP教科書体"/>
        <family val="1"/>
        <charset val="128"/>
      </rPr>
      <t>う。</t>
    </r>
  </si>
  <si>
    <r>
      <t>生まれ</t>
    </r>
    <r>
      <rPr>
        <b/>
        <u/>
        <sz val="14"/>
        <color rgb="FF000000"/>
        <rFont val="HGP教科書体"/>
        <family val="1"/>
        <charset val="128"/>
      </rPr>
      <t>故郷</t>
    </r>
    <r>
      <rPr>
        <sz val="14"/>
        <color rgb="FF000000"/>
        <rFont val="HGP教科書体"/>
        <family val="1"/>
        <charset val="128"/>
      </rPr>
      <t>を思い出す。</t>
    </r>
  </si>
  <si>
    <r>
      <t>合否判定の</t>
    </r>
    <r>
      <rPr>
        <b/>
        <u/>
        <sz val="14"/>
        <color rgb="FF000000"/>
        <rFont val="HGP教科書体"/>
        <family val="1"/>
        <charset val="128"/>
      </rPr>
      <t>尺度</t>
    </r>
    <r>
      <rPr>
        <sz val="14"/>
        <color rgb="FF000000"/>
        <rFont val="HGP教科書体"/>
        <family val="1"/>
        <charset val="128"/>
      </rPr>
      <t>を決める。</t>
    </r>
  </si>
  <si>
    <r>
      <t>スイカを</t>
    </r>
    <r>
      <rPr>
        <b/>
        <u/>
        <sz val="14"/>
        <color rgb="FF000000"/>
        <rFont val="HGP教科書体"/>
        <family val="1"/>
        <charset val="128"/>
      </rPr>
      <t>冷蔵庫</t>
    </r>
    <r>
      <rPr>
        <sz val="14"/>
        <color rgb="FF000000"/>
        <rFont val="HGP教科書体"/>
        <family val="1"/>
        <charset val="128"/>
      </rPr>
      <t>に入れる。</t>
    </r>
  </si>
  <si>
    <r>
      <t>今は満ち</t>
    </r>
    <r>
      <rPr>
        <b/>
        <u/>
        <sz val="14"/>
        <color rgb="FF000000"/>
        <rFont val="HGP教科書体"/>
        <family val="1"/>
        <charset val="128"/>
      </rPr>
      <t>潮</t>
    </r>
    <r>
      <rPr>
        <sz val="14"/>
        <color rgb="FF000000"/>
        <rFont val="HGP教科書体"/>
        <family val="1"/>
        <charset val="128"/>
      </rPr>
      <t>の時間だ。</t>
    </r>
  </si>
  <si>
    <r>
      <t>周りから</t>
    </r>
    <r>
      <rPr>
        <b/>
        <u/>
        <sz val="14"/>
        <color rgb="FF000000"/>
        <rFont val="HGP教科書体"/>
        <family val="1"/>
        <charset val="128"/>
      </rPr>
      <t>批判</t>
    </r>
    <r>
      <rPr>
        <sz val="14"/>
        <color rgb="FF000000"/>
        <rFont val="HGP教科書体"/>
        <family val="1"/>
        <charset val="128"/>
      </rPr>
      <t>を浴びる。</t>
    </r>
  </si>
  <si>
    <r>
      <t>友人に</t>
    </r>
    <r>
      <rPr>
        <b/>
        <u/>
        <sz val="14"/>
        <color rgb="FF000000"/>
        <rFont val="HGP教科書体"/>
        <family val="1"/>
        <charset val="128"/>
      </rPr>
      <t>忠告</t>
    </r>
    <r>
      <rPr>
        <sz val="14"/>
        <color rgb="FF000000"/>
        <rFont val="HGP教科書体"/>
        <family val="1"/>
        <charset val="128"/>
      </rPr>
      <t>する。</t>
    </r>
  </si>
  <si>
    <r>
      <t>若者</t>
    </r>
    <r>
      <rPr>
        <sz val="14"/>
        <color rgb="FF000000"/>
        <rFont val="HGP教科書体"/>
        <family val="1"/>
        <charset val="128"/>
      </rPr>
      <t>の集まり。</t>
    </r>
  </si>
  <si>
    <r>
      <t>机</t>
    </r>
    <r>
      <rPr>
        <sz val="14"/>
        <color rgb="FF000000"/>
        <rFont val="HGP教科書体"/>
        <family val="1"/>
        <charset val="128"/>
      </rPr>
      <t>を運ぶ。</t>
    </r>
  </si>
  <si>
    <r>
      <t>視力</t>
    </r>
    <r>
      <rPr>
        <sz val="14"/>
        <color rgb="FF000000"/>
        <rFont val="HGP教科書体"/>
        <family val="1"/>
        <charset val="128"/>
      </rPr>
      <t>検査を行う。</t>
    </r>
  </si>
  <si>
    <r>
      <t>板に</t>
    </r>
    <r>
      <rPr>
        <b/>
        <u/>
        <sz val="14"/>
        <color rgb="FF000000"/>
        <rFont val="HGP教科書体"/>
        <family val="1"/>
        <charset val="128"/>
      </rPr>
      <t>穴</t>
    </r>
    <r>
      <rPr>
        <sz val="14"/>
        <color rgb="FF000000"/>
        <rFont val="HGP教科書体"/>
        <family val="1"/>
        <charset val="128"/>
      </rPr>
      <t>を開ける。</t>
    </r>
  </si>
  <si>
    <r>
      <t>寄らば</t>
    </r>
    <r>
      <rPr>
        <b/>
        <u/>
        <sz val="14"/>
        <color rgb="FF000000"/>
        <rFont val="HGP教科書体"/>
        <family val="1"/>
        <charset val="128"/>
      </rPr>
      <t>大樹</t>
    </r>
    <r>
      <rPr>
        <sz val="14"/>
        <color rgb="FF000000"/>
        <rFont val="HGP教科書体"/>
        <family val="1"/>
        <charset val="128"/>
      </rPr>
      <t>のかげ。</t>
    </r>
  </si>
  <si>
    <r>
      <t>ゴミを</t>
    </r>
    <r>
      <rPr>
        <b/>
        <u/>
        <sz val="14"/>
        <color rgb="FF000000"/>
        <rFont val="HGP教科書体"/>
        <family val="1"/>
        <charset val="128"/>
      </rPr>
      <t>捨</t>
    </r>
    <r>
      <rPr>
        <sz val="14"/>
        <color rgb="FF000000"/>
        <rFont val="HGP教科書体"/>
        <family val="1"/>
        <charset val="128"/>
      </rPr>
      <t>てる。</t>
    </r>
  </si>
  <si>
    <r>
      <t>この川の</t>
    </r>
    <r>
      <rPr>
        <b/>
        <u/>
        <sz val="14"/>
        <color rgb="FF000000"/>
        <rFont val="HGP教科書体"/>
        <family val="1"/>
        <charset val="128"/>
      </rPr>
      <t>源</t>
    </r>
    <r>
      <rPr>
        <sz val="14"/>
        <color rgb="FF000000"/>
        <rFont val="HGP教科書体"/>
        <family val="1"/>
        <charset val="128"/>
      </rPr>
      <t>は富士山だ。</t>
    </r>
  </si>
  <si>
    <r>
      <t>階段</t>
    </r>
    <r>
      <rPr>
        <sz val="14"/>
        <color rgb="FF000000"/>
        <rFont val="HGP教科書体"/>
        <family val="1"/>
        <charset val="128"/>
      </rPr>
      <t>をふみ外す。</t>
    </r>
  </si>
  <si>
    <r>
      <t>通勤</t>
    </r>
    <r>
      <rPr>
        <sz val="14"/>
        <color rgb="FF000000"/>
        <rFont val="HGP教科書体"/>
        <family val="1"/>
        <charset val="128"/>
      </rPr>
      <t>時間が長い。</t>
    </r>
  </si>
  <si>
    <r>
      <t>いくつかの</t>
    </r>
    <r>
      <rPr>
        <b/>
        <u/>
        <sz val="14"/>
        <color rgb="FF000000"/>
        <rFont val="HGP教科書体"/>
        <family val="1"/>
        <charset val="128"/>
      </rPr>
      <t>疑問</t>
    </r>
    <r>
      <rPr>
        <sz val="14"/>
        <color rgb="FF000000"/>
        <rFont val="HGP教科書体"/>
        <family val="1"/>
        <charset val="128"/>
      </rPr>
      <t>が残る。</t>
    </r>
  </si>
  <si>
    <r>
      <t>厳</t>
    </r>
    <r>
      <rPr>
        <sz val="14"/>
        <color rgb="FF000000"/>
        <rFont val="HGP教科書体"/>
        <family val="1"/>
        <charset val="128"/>
      </rPr>
      <t>しい暑さが続く。</t>
    </r>
  </si>
  <si>
    <r>
      <t>江戸時代の</t>
    </r>
    <r>
      <rPr>
        <b/>
        <u/>
        <sz val="14"/>
        <color rgb="FF000000"/>
        <rFont val="HGP教科書体"/>
        <family val="1"/>
        <charset val="128"/>
      </rPr>
      <t>幕府</t>
    </r>
    <r>
      <rPr>
        <sz val="14"/>
        <color rgb="FF000000"/>
        <rFont val="HGP教科書体"/>
        <family val="1"/>
        <charset val="128"/>
      </rPr>
      <t>。</t>
    </r>
  </si>
  <si>
    <r>
      <t>うわさを</t>
    </r>
    <r>
      <rPr>
        <b/>
        <u/>
        <sz val="14"/>
        <color rgb="FF000000"/>
        <rFont val="HGP教科書体"/>
        <family val="1"/>
        <charset val="128"/>
      </rPr>
      <t>否定</t>
    </r>
    <r>
      <rPr>
        <sz val="14"/>
        <color rgb="FF000000"/>
        <rFont val="HGP教科書体"/>
        <family val="1"/>
        <charset val="128"/>
      </rPr>
      <t>する。</t>
    </r>
  </si>
  <si>
    <r>
      <t>縦書</t>
    </r>
    <r>
      <rPr>
        <sz val="14"/>
        <color rgb="FF000000"/>
        <rFont val="HGP教科書体"/>
        <family val="1"/>
        <charset val="128"/>
      </rPr>
      <t>きの原こう用紙を使う。</t>
    </r>
  </si>
  <si>
    <r>
      <t>郵便</t>
    </r>
    <r>
      <rPr>
        <sz val="14"/>
        <color rgb="FF000000"/>
        <rFont val="HGP教科書体"/>
        <family val="1"/>
        <charset val="128"/>
      </rPr>
      <t>切手を買う。</t>
    </r>
  </si>
  <si>
    <r>
      <t>蒸気</t>
    </r>
    <r>
      <rPr>
        <sz val="14"/>
        <color rgb="FF000000"/>
        <rFont val="HGP教科書体"/>
        <family val="1"/>
        <charset val="128"/>
      </rPr>
      <t>の力で動く。</t>
    </r>
  </si>
  <si>
    <r>
      <t>チーズは</t>
    </r>
    <r>
      <rPr>
        <b/>
        <u/>
        <sz val="14"/>
        <color rgb="FF000000"/>
        <rFont val="HGP教科書体"/>
        <family val="1"/>
        <charset val="128"/>
      </rPr>
      <t>乳製品</t>
    </r>
    <r>
      <rPr>
        <sz val="14"/>
        <color rgb="FF000000"/>
        <rFont val="HGP教科書体"/>
        <family val="1"/>
        <charset val="128"/>
      </rPr>
      <t>だ。</t>
    </r>
  </si>
  <si>
    <r>
      <t>穀物</t>
    </r>
    <r>
      <rPr>
        <sz val="14"/>
        <color rgb="FF000000"/>
        <rFont val="HGP教科書体"/>
        <family val="1"/>
        <charset val="128"/>
      </rPr>
      <t>を輸入する。</t>
    </r>
  </si>
  <si>
    <r>
      <t>大事件に</t>
    </r>
    <r>
      <rPr>
        <b/>
        <u/>
        <sz val="14"/>
        <color rgb="FF000000"/>
        <rFont val="HGP教科書体"/>
        <family val="1"/>
        <charset val="128"/>
      </rPr>
      <t>発展</t>
    </r>
    <r>
      <rPr>
        <sz val="14"/>
        <color rgb="FF000000"/>
        <rFont val="HGP教科書体"/>
        <family val="1"/>
        <charset val="128"/>
      </rPr>
      <t>する。</t>
    </r>
  </si>
  <si>
    <r>
      <t>コンサートは</t>
    </r>
    <r>
      <rPr>
        <b/>
        <u/>
        <sz val="14"/>
        <color rgb="FF000000"/>
        <rFont val="HGP教科書体"/>
        <family val="1"/>
        <charset val="128"/>
      </rPr>
      <t>盛</t>
    </r>
    <r>
      <rPr>
        <sz val="14"/>
        <color rgb="FF000000"/>
        <rFont val="HGP教科書体"/>
        <family val="1"/>
        <charset val="128"/>
      </rPr>
      <t>り上がった。</t>
    </r>
  </si>
  <si>
    <r>
      <t>歯が</t>
    </r>
    <r>
      <rPr>
        <b/>
        <u/>
        <sz val="14"/>
        <color rgb="FF000000"/>
        <rFont val="HGP教科書体"/>
        <family val="1"/>
        <charset val="128"/>
      </rPr>
      <t>痛</t>
    </r>
    <r>
      <rPr>
        <sz val="14"/>
        <color rgb="FF000000"/>
        <rFont val="HGP教科書体"/>
        <family val="1"/>
        <charset val="128"/>
      </rPr>
      <t>い。</t>
    </r>
  </si>
  <si>
    <r>
      <t>青い目は父親からの</t>
    </r>
    <r>
      <rPr>
        <b/>
        <u/>
        <sz val="14"/>
        <color rgb="FF000000"/>
        <rFont val="HGP教科書体"/>
        <family val="1"/>
        <charset val="128"/>
      </rPr>
      <t>遺伝</t>
    </r>
    <r>
      <rPr>
        <sz val="14"/>
        <color rgb="FF000000"/>
        <rFont val="HGP教科書体"/>
        <family val="1"/>
        <charset val="128"/>
      </rPr>
      <t>だ。</t>
    </r>
  </si>
  <si>
    <r>
      <t>栄養を</t>
    </r>
    <r>
      <rPr>
        <b/>
        <u/>
        <sz val="14"/>
        <color rgb="FF000000"/>
        <rFont val="HGP教科書体"/>
        <family val="1"/>
        <charset val="128"/>
      </rPr>
      <t>補</t>
    </r>
    <r>
      <rPr>
        <sz val="14"/>
        <color rgb="FF000000"/>
        <rFont val="HGP教科書体"/>
        <family val="1"/>
        <charset val="128"/>
      </rPr>
      <t>う。</t>
    </r>
  </si>
  <si>
    <r>
      <t>食欲</t>
    </r>
    <r>
      <rPr>
        <sz val="14"/>
        <color rgb="FF000000"/>
        <rFont val="HGP教科書体"/>
        <family val="1"/>
        <charset val="128"/>
      </rPr>
      <t>がない。</t>
    </r>
  </si>
  <si>
    <r>
      <t>そう大な</t>
    </r>
    <r>
      <rPr>
        <b/>
        <u/>
        <sz val="14"/>
        <color rgb="FF000000"/>
        <rFont val="HGP教科書体"/>
        <family val="1"/>
        <charset val="128"/>
      </rPr>
      <t>規模</t>
    </r>
    <r>
      <rPr>
        <sz val="14"/>
        <color rgb="FF000000"/>
        <rFont val="HGP教科書体"/>
        <family val="1"/>
        <charset val="128"/>
      </rPr>
      <t>の計画。</t>
    </r>
  </si>
  <si>
    <r>
      <t>大安売りの</t>
    </r>
    <r>
      <rPr>
        <b/>
        <u/>
        <sz val="14"/>
        <color rgb="FF000000"/>
        <rFont val="HGP教科書体"/>
        <family val="1"/>
        <charset val="128"/>
      </rPr>
      <t>宣伝</t>
    </r>
    <r>
      <rPr>
        <sz val="14"/>
        <color rgb="FF000000"/>
        <rFont val="HGP教科書体"/>
        <family val="1"/>
        <charset val="128"/>
      </rPr>
      <t>をする。</t>
    </r>
  </si>
  <si>
    <r>
      <t>医は</t>
    </r>
    <r>
      <rPr>
        <b/>
        <u/>
        <sz val="14"/>
        <color rgb="FF000000"/>
        <rFont val="HGP教科書体"/>
        <family val="1"/>
        <charset val="128"/>
      </rPr>
      <t>仁術</t>
    </r>
    <r>
      <rPr>
        <sz val="14"/>
        <color rgb="FF000000"/>
        <rFont val="HGP教科書体"/>
        <family val="1"/>
        <charset val="128"/>
      </rPr>
      <t>なり。</t>
    </r>
  </si>
  <si>
    <r>
      <t>写真を</t>
    </r>
    <r>
      <rPr>
        <b/>
        <u/>
        <sz val="14"/>
        <color rgb="FF000000"/>
        <rFont val="HGP教科書体"/>
        <family val="1"/>
        <charset val="128"/>
      </rPr>
      <t>拡大</t>
    </r>
    <r>
      <rPr>
        <sz val="14"/>
        <color rgb="FF000000"/>
        <rFont val="HGP教科書体"/>
        <family val="1"/>
        <charset val="128"/>
      </rPr>
      <t>する。</t>
    </r>
  </si>
  <si>
    <r>
      <t>権利</t>
    </r>
    <r>
      <rPr>
        <sz val="14"/>
        <color rgb="FF000000"/>
        <rFont val="HGP教科書体"/>
        <family val="1"/>
        <charset val="128"/>
      </rPr>
      <t>を主張する。</t>
    </r>
  </si>
  <si>
    <r>
      <t>目的地に</t>
    </r>
    <r>
      <rPr>
        <b/>
        <u/>
        <sz val="14"/>
        <color rgb="FF000000"/>
        <rFont val="HGP教科書体"/>
        <family val="1"/>
        <charset val="128"/>
      </rPr>
      <t>至</t>
    </r>
    <r>
      <rPr>
        <sz val="14"/>
        <color rgb="FF000000"/>
        <rFont val="HGP教科書体"/>
        <family val="1"/>
        <charset val="128"/>
      </rPr>
      <t>る。</t>
    </r>
  </si>
  <si>
    <r>
      <t>読む</t>
    </r>
    <r>
      <rPr>
        <b/>
        <u/>
        <sz val="14"/>
        <color rgb="FF000000"/>
        <rFont val="HGP教科書体"/>
        <family val="1"/>
        <charset val="128"/>
      </rPr>
      <t>価値</t>
    </r>
    <r>
      <rPr>
        <sz val="14"/>
        <color rgb="FF000000"/>
        <rFont val="HGP教科書体"/>
        <family val="1"/>
        <charset val="128"/>
      </rPr>
      <t>のある本。</t>
    </r>
  </si>
  <si>
    <r>
      <t>銀行に</t>
    </r>
    <r>
      <rPr>
        <b/>
        <u/>
        <sz val="14"/>
        <color rgb="FF000000"/>
        <rFont val="HGP教科書体"/>
        <family val="1"/>
        <charset val="128"/>
      </rPr>
      <t>就職</t>
    </r>
    <r>
      <rPr>
        <sz val="14"/>
        <color rgb="FF000000"/>
        <rFont val="HGP教科書体"/>
        <family val="1"/>
        <charset val="128"/>
      </rPr>
      <t>する。</t>
    </r>
  </si>
  <si>
    <r>
      <t>俳句</t>
    </r>
    <r>
      <rPr>
        <sz val="14"/>
        <color rgb="FF000000"/>
        <rFont val="HGP教科書体"/>
        <family val="1"/>
        <charset val="128"/>
      </rPr>
      <t>をよむ。</t>
    </r>
  </si>
  <si>
    <r>
      <t>罪を</t>
    </r>
    <r>
      <rPr>
        <b/>
        <u/>
        <sz val="14"/>
        <color rgb="FF000000"/>
        <rFont val="HGP教科書体"/>
        <family val="1"/>
        <charset val="128"/>
      </rPr>
      <t>裁</t>
    </r>
    <r>
      <rPr>
        <sz val="14"/>
        <color rgb="FF000000"/>
        <rFont val="HGP教科書体"/>
        <family val="1"/>
        <charset val="128"/>
      </rPr>
      <t>く。</t>
    </r>
  </si>
  <si>
    <r>
      <t>我</t>
    </r>
    <r>
      <rPr>
        <sz val="14"/>
        <color rgb="FF000000"/>
        <rFont val="HGP教科書体"/>
        <family val="1"/>
        <charset val="128"/>
      </rPr>
      <t>に返る。</t>
    </r>
  </si>
  <si>
    <r>
      <t>会社に</t>
    </r>
    <r>
      <rPr>
        <b/>
        <u/>
        <sz val="14"/>
        <color rgb="FF000000"/>
        <rFont val="HGP教科書体"/>
        <family val="1"/>
        <charset val="128"/>
      </rPr>
      <t>勤</t>
    </r>
    <r>
      <rPr>
        <sz val="14"/>
        <color rgb="FF000000"/>
        <rFont val="HGP教科書体"/>
        <family val="1"/>
        <charset val="128"/>
      </rPr>
      <t>める。</t>
    </r>
  </si>
  <si>
    <r>
      <t>平和への</t>
    </r>
    <r>
      <rPr>
        <b/>
        <u/>
        <sz val="14"/>
        <color rgb="FF000000"/>
        <rFont val="HGP教科書体"/>
        <family val="1"/>
        <charset val="128"/>
      </rPr>
      <t>署名</t>
    </r>
    <r>
      <rPr>
        <sz val="14"/>
        <color rgb="FF000000"/>
        <rFont val="HGP教科書体"/>
        <family val="1"/>
        <charset val="128"/>
      </rPr>
      <t>運動をする。</t>
    </r>
  </si>
  <si>
    <r>
      <t>児童会の活動</t>
    </r>
    <r>
      <rPr>
        <b/>
        <u/>
        <sz val="14"/>
        <color rgb="FF000000"/>
        <rFont val="HGP教科書体"/>
        <family val="1"/>
        <charset val="128"/>
      </rPr>
      <t>方針</t>
    </r>
    <r>
      <rPr>
        <sz val="14"/>
        <color rgb="FF000000"/>
        <rFont val="HGP教科書体"/>
        <family val="1"/>
        <charset val="128"/>
      </rPr>
      <t>を決める。</t>
    </r>
  </si>
  <si>
    <r>
      <t>著名</t>
    </r>
    <r>
      <rPr>
        <sz val="14"/>
        <color rgb="FF000000"/>
        <rFont val="HGP教科書体"/>
        <family val="1"/>
        <charset val="128"/>
      </rPr>
      <t>な芸術家。</t>
    </r>
  </si>
  <si>
    <r>
      <t>裁判</t>
    </r>
    <r>
      <rPr>
        <sz val="14"/>
        <color rgb="FF000000"/>
        <rFont val="HGP教科書体"/>
        <family val="1"/>
        <charset val="128"/>
      </rPr>
      <t>で争う。</t>
    </r>
  </si>
  <si>
    <r>
      <t>外の空気を</t>
    </r>
    <r>
      <rPr>
        <b/>
        <u/>
        <sz val="14"/>
        <color rgb="FF000000"/>
        <rFont val="HGP教科書体"/>
        <family val="1"/>
        <charset val="128"/>
      </rPr>
      <t>吸</t>
    </r>
    <r>
      <rPr>
        <sz val="14"/>
        <color rgb="FF000000"/>
        <rFont val="HGP教科書体"/>
        <family val="1"/>
        <charset val="128"/>
      </rPr>
      <t>う。</t>
    </r>
  </si>
  <si>
    <r>
      <t>こう法にも筆の</t>
    </r>
    <r>
      <rPr>
        <b/>
        <u/>
        <sz val="14"/>
        <color rgb="FF000000"/>
        <rFont val="HGP教科書体"/>
        <family val="1"/>
        <charset val="128"/>
      </rPr>
      <t>誤</t>
    </r>
    <r>
      <rPr>
        <sz val="14"/>
        <color rgb="FF000000"/>
        <rFont val="HGP教科書体"/>
        <family val="1"/>
        <charset val="128"/>
      </rPr>
      <t>り。</t>
    </r>
  </si>
  <si>
    <r>
      <t>規律</t>
    </r>
    <r>
      <rPr>
        <sz val="14"/>
        <color rgb="FF000000"/>
        <rFont val="HGP教科書体"/>
        <family val="1"/>
        <charset val="128"/>
      </rPr>
      <t>を守る。</t>
    </r>
  </si>
  <si>
    <r>
      <t>革命</t>
    </r>
    <r>
      <rPr>
        <sz val="14"/>
        <color rgb="FF000000"/>
        <rFont val="HGP教科書体"/>
        <family val="1"/>
        <charset val="128"/>
      </rPr>
      <t>が起きる。</t>
    </r>
  </si>
  <si>
    <r>
      <t>的に向けて矢を</t>
    </r>
    <r>
      <rPr>
        <b/>
        <u/>
        <sz val="14"/>
        <color rgb="FF000000"/>
        <rFont val="HGP教科書体"/>
        <family val="1"/>
        <charset val="128"/>
      </rPr>
      <t>射</t>
    </r>
    <r>
      <rPr>
        <sz val="14"/>
        <color rgb="FF000000"/>
        <rFont val="HGP教科書体"/>
        <family val="1"/>
        <charset val="128"/>
      </rPr>
      <t>る。</t>
    </r>
  </si>
  <si>
    <r>
      <t>税金を</t>
    </r>
    <r>
      <rPr>
        <b/>
        <u/>
        <sz val="14"/>
        <color rgb="FF000000"/>
        <rFont val="HGP教科書体"/>
        <family val="1"/>
        <charset val="128"/>
      </rPr>
      <t>納</t>
    </r>
    <r>
      <rPr>
        <sz val="14"/>
        <color rgb="FF000000"/>
        <rFont val="HGP教科書体"/>
        <family val="1"/>
        <charset val="128"/>
      </rPr>
      <t>める。</t>
    </r>
  </si>
  <si>
    <r>
      <t>人手不足の</t>
    </r>
    <r>
      <rPr>
        <b/>
        <u/>
        <sz val="14"/>
        <color rgb="FF000000"/>
        <rFont val="HGP教科書体"/>
        <family val="1"/>
        <charset val="128"/>
      </rPr>
      <t>対策</t>
    </r>
    <r>
      <rPr>
        <sz val="14"/>
        <color rgb="FF000000"/>
        <rFont val="HGP教科書体"/>
        <family val="1"/>
        <charset val="128"/>
      </rPr>
      <t>をたてる。</t>
    </r>
  </si>
  <si>
    <r>
      <t>大会で</t>
    </r>
    <r>
      <rPr>
        <b/>
        <u/>
        <sz val="14"/>
        <color rgb="FF000000"/>
        <rFont val="HGP教科書体"/>
        <family val="1"/>
        <charset val="128"/>
      </rPr>
      <t>優勝</t>
    </r>
    <r>
      <rPr>
        <sz val="14"/>
        <color rgb="FF000000"/>
        <rFont val="HGP教科書体"/>
        <family val="1"/>
        <charset val="128"/>
      </rPr>
      <t>する。</t>
    </r>
  </si>
  <si>
    <r>
      <t>手紙を</t>
    </r>
    <r>
      <rPr>
        <b/>
        <u/>
        <sz val="14"/>
        <color rgb="FF000000"/>
        <rFont val="HGP教科書体"/>
        <family val="1"/>
        <charset val="128"/>
      </rPr>
      <t>届</t>
    </r>
    <r>
      <rPr>
        <sz val="14"/>
        <color rgb="FF000000"/>
        <rFont val="HGP教科書体"/>
        <family val="1"/>
        <charset val="128"/>
      </rPr>
      <t>ける。</t>
    </r>
  </si>
  <si>
    <r>
      <t>腹</t>
    </r>
    <r>
      <rPr>
        <sz val="14"/>
        <color rgb="FF000000"/>
        <rFont val="HGP教科書体"/>
        <family val="1"/>
        <charset val="128"/>
      </rPr>
      <t>の底から笑う。</t>
    </r>
  </si>
  <si>
    <r>
      <t>洗たく物を</t>
    </r>
    <r>
      <rPr>
        <b/>
        <u/>
        <sz val="14"/>
        <color rgb="FF000000"/>
        <rFont val="HGP教科書体"/>
        <family val="1"/>
        <charset val="128"/>
      </rPr>
      <t>干</t>
    </r>
    <r>
      <rPr>
        <sz val="14"/>
        <color rgb="FF000000"/>
        <rFont val="HGP教科書体"/>
        <family val="1"/>
        <charset val="128"/>
      </rPr>
      <t>す。</t>
    </r>
  </si>
  <si>
    <r>
      <t>下校の</t>
    </r>
    <r>
      <rPr>
        <b/>
        <u/>
        <sz val="14"/>
        <color rgb="FF000000"/>
        <rFont val="HGP教科書体"/>
        <family val="1"/>
        <charset val="128"/>
      </rPr>
      <t>時刻</t>
    </r>
    <r>
      <rPr>
        <sz val="14"/>
        <color rgb="FF000000"/>
        <rFont val="HGP教科書体"/>
        <family val="1"/>
        <charset val="128"/>
      </rPr>
      <t>になった。</t>
    </r>
  </si>
  <si>
    <r>
      <t>楽な</t>
    </r>
    <r>
      <rPr>
        <b/>
        <u/>
        <sz val="14"/>
        <color rgb="FF000000"/>
        <rFont val="HGP教科書体"/>
        <family val="1"/>
        <charset val="128"/>
      </rPr>
      <t>姿勢</t>
    </r>
    <r>
      <rPr>
        <sz val="14"/>
        <color rgb="FF000000"/>
        <rFont val="HGP教科書体"/>
        <family val="1"/>
        <charset val="128"/>
      </rPr>
      <t>で話を聞く。</t>
    </r>
  </si>
  <si>
    <r>
      <t>紅茶</t>
    </r>
    <r>
      <rPr>
        <sz val="14"/>
        <color rgb="FF000000"/>
        <rFont val="HGP教科書体"/>
        <family val="1"/>
        <charset val="128"/>
      </rPr>
      <t>を飲む。</t>
    </r>
  </si>
  <si>
    <r>
      <t>地球は</t>
    </r>
    <r>
      <rPr>
        <b/>
        <u/>
        <sz val="14"/>
        <color rgb="FF000000"/>
        <rFont val="HGP教科書体"/>
        <family val="1"/>
        <charset val="128"/>
      </rPr>
      <t>太陽系</t>
    </r>
    <r>
      <rPr>
        <sz val="14"/>
        <color rgb="FF000000"/>
        <rFont val="HGP教科書体"/>
        <family val="1"/>
        <charset val="128"/>
      </rPr>
      <t>の星だ。</t>
    </r>
  </si>
  <si>
    <r>
      <t>肺活量</t>
    </r>
    <r>
      <rPr>
        <sz val="14"/>
        <color rgb="FF000000"/>
        <rFont val="HGP教科書体"/>
        <family val="1"/>
        <charset val="128"/>
      </rPr>
      <t>の多い人。</t>
    </r>
  </si>
  <si>
    <r>
      <t>今日は弟の</t>
    </r>
    <r>
      <rPr>
        <b/>
        <u/>
        <sz val="14"/>
        <color rgb="FF000000"/>
        <rFont val="HGP教科書体"/>
        <family val="1"/>
        <charset val="128"/>
      </rPr>
      <t>誕生日</t>
    </r>
    <r>
      <rPr>
        <sz val="14"/>
        <color rgb="FF000000"/>
        <rFont val="HGP教科書体"/>
        <family val="1"/>
        <charset val="128"/>
      </rPr>
      <t>だ。</t>
    </r>
  </si>
  <si>
    <r>
      <t>商店が</t>
    </r>
    <r>
      <rPr>
        <b/>
        <u/>
        <sz val="14"/>
        <color rgb="FF000000"/>
        <rFont val="HGP教科書体"/>
        <family val="1"/>
        <charset val="128"/>
      </rPr>
      <t>臨時</t>
    </r>
    <r>
      <rPr>
        <sz val="14"/>
        <color rgb="FF000000"/>
        <rFont val="HGP教科書体"/>
        <family val="1"/>
        <charset val="128"/>
      </rPr>
      <t>休業になる。</t>
    </r>
  </si>
  <si>
    <r>
      <t>皇后陛下</t>
    </r>
    <r>
      <rPr>
        <sz val="14"/>
        <color rgb="FF000000"/>
        <rFont val="HGP教科書体"/>
        <family val="1"/>
        <charset val="128"/>
      </rPr>
      <t>に手をふる。</t>
    </r>
  </si>
  <si>
    <r>
      <t>日本国</t>
    </r>
    <r>
      <rPr>
        <b/>
        <u/>
        <sz val="14"/>
        <color rgb="FF000000"/>
        <rFont val="HGP教科書体"/>
        <family val="1"/>
        <charset val="128"/>
      </rPr>
      <t>憲法</t>
    </r>
    <r>
      <rPr>
        <sz val="14"/>
        <color rgb="FF000000"/>
        <rFont val="HGP教科書体"/>
        <family val="1"/>
        <charset val="128"/>
      </rPr>
      <t>。</t>
    </r>
  </si>
  <si>
    <r>
      <t>野外にある</t>
    </r>
    <r>
      <rPr>
        <b/>
        <u/>
        <sz val="14"/>
        <color rgb="FF000000"/>
        <rFont val="HGP教科書体"/>
        <family val="1"/>
        <charset val="128"/>
      </rPr>
      <t>劇場</t>
    </r>
    <r>
      <rPr>
        <sz val="14"/>
        <color rgb="FF000000"/>
        <rFont val="HGP教科書体"/>
        <family val="1"/>
        <charset val="128"/>
      </rPr>
      <t>。</t>
    </r>
  </si>
  <si>
    <r>
      <t>バスの</t>
    </r>
    <r>
      <rPr>
        <b/>
        <u/>
        <sz val="14"/>
        <color rgb="FF000000"/>
        <rFont val="HGP教科書体"/>
        <family val="1"/>
        <charset val="128"/>
      </rPr>
      <t>座席</t>
    </r>
    <r>
      <rPr>
        <sz val="14"/>
        <color rgb="FF000000"/>
        <rFont val="HGP教科書体"/>
        <family val="1"/>
        <charset val="128"/>
      </rPr>
      <t>を決める。</t>
    </r>
  </si>
  <si>
    <r>
      <t>切り</t>
    </r>
    <r>
      <rPr>
        <b/>
        <u/>
        <sz val="14"/>
        <color rgb="FF000000"/>
        <rFont val="HGP教科書体"/>
        <family val="1"/>
        <charset val="128"/>
      </rPr>
      <t>株</t>
    </r>
    <r>
      <rPr>
        <sz val="14"/>
        <color rgb="FF000000"/>
        <rFont val="HGP教科書体"/>
        <family val="1"/>
        <charset val="128"/>
      </rPr>
      <t>につまずく。</t>
    </r>
  </si>
  <si>
    <r>
      <t>絹</t>
    </r>
    <r>
      <rPr>
        <sz val="14"/>
        <color rgb="FF000000"/>
        <rFont val="HGP教科書体"/>
        <family val="1"/>
        <charset val="128"/>
      </rPr>
      <t>のスカーフ。</t>
    </r>
  </si>
  <si>
    <r>
      <t>眼鏡</t>
    </r>
    <r>
      <rPr>
        <sz val="14"/>
        <color rgb="FF000000"/>
        <rFont val="HGP教科書体"/>
        <family val="1"/>
        <charset val="128"/>
      </rPr>
      <t>をかける。</t>
    </r>
  </si>
  <si>
    <r>
      <t>一枚</t>
    </r>
    <r>
      <rPr>
        <sz val="14"/>
        <color rgb="FF000000"/>
        <rFont val="HGP教科書体"/>
        <family val="1"/>
        <charset val="128"/>
      </rPr>
      <t>の絵。</t>
    </r>
  </si>
  <si>
    <r>
      <t>激</t>
    </r>
    <r>
      <rPr>
        <sz val="14"/>
        <color rgb="FF000000"/>
        <rFont val="HGP教科書体"/>
        <family val="1"/>
        <charset val="128"/>
      </rPr>
      <t>しい雨でびしょびしょだ。</t>
    </r>
  </si>
  <si>
    <r>
      <t>人材を</t>
    </r>
    <r>
      <rPr>
        <b/>
        <u/>
        <sz val="14"/>
        <color rgb="FF000000"/>
        <rFont val="HGP教科書体"/>
        <family val="1"/>
        <charset val="128"/>
      </rPr>
      <t>派</t>
    </r>
    <r>
      <rPr>
        <sz val="14"/>
        <color rgb="FF000000"/>
        <rFont val="HGP教科書体"/>
        <family val="1"/>
        <charset val="128"/>
      </rPr>
      <t>けんする。</t>
    </r>
  </si>
  <si>
    <r>
      <t>大きな</t>
    </r>
    <r>
      <rPr>
        <b/>
        <u/>
        <sz val="14"/>
        <color rgb="FF000000"/>
        <rFont val="HGP教科書体"/>
        <family val="1"/>
        <charset val="128"/>
      </rPr>
      <t>看板</t>
    </r>
    <r>
      <rPr>
        <sz val="14"/>
        <color rgb="FF000000"/>
        <rFont val="HGP教科書体"/>
        <family val="1"/>
        <charset val="128"/>
      </rPr>
      <t>を見上げる。</t>
    </r>
  </si>
  <si>
    <r>
      <t>空が夕日で赤く</t>
    </r>
    <r>
      <rPr>
        <b/>
        <u/>
        <sz val="14"/>
        <color rgb="FF000000"/>
        <rFont val="HGP教科書体"/>
        <family val="1"/>
        <charset val="128"/>
      </rPr>
      <t>染</t>
    </r>
    <r>
      <rPr>
        <sz val="14"/>
        <color rgb="FF000000"/>
        <rFont val="HGP教科書体"/>
        <family val="1"/>
        <charset val="128"/>
      </rPr>
      <t>まる。</t>
    </r>
  </si>
  <si>
    <r>
      <t>同窓会</t>
    </r>
    <r>
      <rPr>
        <sz val="14"/>
        <color rgb="FF000000"/>
        <rFont val="HGP教科書体"/>
        <family val="1"/>
        <charset val="128"/>
      </rPr>
      <t>を開く。</t>
    </r>
  </si>
  <si>
    <r>
      <t>数々の</t>
    </r>
    <r>
      <rPr>
        <b/>
        <u/>
        <sz val="14"/>
        <color rgb="FF000000"/>
        <rFont val="HGP教科書体"/>
        <family val="1"/>
        <charset val="128"/>
      </rPr>
      <t>障害</t>
    </r>
    <r>
      <rPr>
        <sz val="14"/>
        <color rgb="FF000000"/>
        <rFont val="HGP教科書体"/>
        <family val="1"/>
        <charset val="128"/>
      </rPr>
      <t>を乗りこえる。</t>
    </r>
  </si>
  <si>
    <r>
      <t>兄は医者の</t>
    </r>
    <r>
      <rPr>
        <b/>
        <u/>
        <sz val="14"/>
        <color rgb="FF000000"/>
        <rFont val="HGP教科書体"/>
        <family val="1"/>
        <charset val="128"/>
      </rPr>
      <t>卵</t>
    </r>
    <r>
      <rPr>
        <sz val="14"/>
        <color rgb="FF000000"/>
        <rFont val="HGP教科書体"/>
        <family val="1"/>
        <charset val="128"/>
      </rPr>
      <t>だ。</t>
    </r>
  </si>
  <si>
    <r>
      <t>鋼鉄</t>
    </r>
    <r>
      <rPr>
        <sz val="14"/>
        <color rgb="FF000000"/>
        <rFont val="HGP教科書体"/>
        <family val="1"/>
        <charset val="128"/>
      </rPr>
      <t>で造られたビル。</t>
    </r>
  </si>
  <si>
    <r>
      <t>一寸</t>
    </r>
    <r>
      <rPr>
        <sz val="14"/>
        <color rgb="FF000000"/>
        <rFont val="HGP教科書体"/>
        <family val="1"/>
        <charset val="128"/>
      </rPr>
      <t>先はやみ。</t>
    </r>
  </si>
  <si>
    <r>
      <t>他国と</t>
    </r>
    <r>
      <rPr>
        <b/>
        <u/>
        <sz val="14"/>
        <color rgb="FF000000"/>
        <rFont val="HGP教科書体"/>
        <family val="1"/>
        <charset val="128"/>
      </rPr>
      <t>同盟</t>
    </r>
    <r>
      <rPr>
        <sz val="14"/>
        <color rgb="FF000000"/>
        <rFont val="HGP教科書体"/>
        <family val="1"/>
        <charset val="128"/>
      </rPr>
      <t>を組む。</t>
    </r>
  </si>
  <si>
    <r>
      <t>逆転ホームランに</t>
    </r>
    <r>
      <rPr>
        <b/>
        <u/>
        <sz val="14"/>
        <color rgb="FF000000"/>
        <rFont val="HGP教科書体"/>
        <family val="1"/>
        <charset val="128"/>
      </rPr>
      <t>興奮</t>
    </r>
    <r>
      <rPr>
        <sz val="14"/>
        <color rgb="FF000000"/>
        <rFont val="HGP教科書体"/>
        <family val="1"/>
        <charset val="128"/>
      </rPr>
      <t>する。</t>
    </r>
  </si>
  <si>
    <r>
      <t>限りある</t>
    </r>
    <r>
      <rPr>
        <b/>
        <u/>
        <sz val="14"/>
        <color rgb="FF000000"/>
        <rFont val="HGP教科書体"/>
        <family val="1"/>
        <charset val="128"/>
      </rPr>
      <t>資源</t>
    </r>
    <r>
      <rPr>
        <sz val="14"/>
        <color rgb="FF000000"/>
        <rFont val="HGP教科書体"/>
        <family val="1"/>
        <charset val="128"/>
      </rPr>
      <t>を大切に。</t>
    </r>
  </si>
  <si>
    <r>
      <t>垂直</t>
    </r>
    <r>
      <rPr>
        <sz val="14"/>
        <color rgb="FF000000"/>
        <rFont val="HGP教科書体"/>
        <family val="1"/>
        <charset val="128"/>
      </rPr>
      <t>に線を引く。</t>
    </r>
  </si>
  <si>
    <r>
      <t>六月は</t>
    </r>
    <r>
      <rPr>
        <b/>
        <u/>
        <sz val="14"/>
        <color rgb="FF000000"/>
        <rFont val="HGP教科書体"/>
        <family val="1"/>
        <charset val="128"/>
      </rPr>
      <t>降水</t>
    </r>
    <r>
      <rPr>
        <sz val="14"/>
        <color rgb="FF000000"/>
        <rFont val="HGP教科書体"/>
        <family val="1"/>
        <charset val="128"/>
      </rPr>
      <t>量が多い。</t>
    </r>
  </si>
  <si>
    <r>
      <t>古い切手を</t>
    </r>
    <r>
      <rPr>
        <b/>
        <u/>
        <sz val="14"/>
        <color rgb="FF000000"/>
        <rFont val="HGP教科書体"/>
        <family val="1"/>
        <charset val="128"/>
      </rPr>
      <t>収集</t>
    </r>
    <r>
      <rPr>
        <sz val="14"/>
        <color rgb="FF000000"/>
        <rFont val="HGP教科書体"/>
        <family val="1"/>
        <charset val="128"/>
      </rPr>
      <t>する。</t>
    </r>
  </si>
  <si>
    <r>
      <t>今月で</t>
    </r>
    <r>
      <rPr>
        <b/>
        <u/>
        <sz val="14"/>
        <color rgb="FF000000"/>
        <rFont val="HGP教科書体"/>
        <family val="1"/>
        <charset val="128"/>
      </rPr>
      <t>閉店</t>
    </r>
    <r>
      <rPr>
        <sz val="14"/>
        <color rgb="FF000000"/>
        <rFont val="HGP教科書体"/>
        <family val="1"/>
        <charset val="128"/>
      </rPr>
      <t>する。</t>
    </r>
  </si>
  <si>
    <r>
      <t>野口英世を</t>
    </r>
    <r>
      <rPr>
        <b/>
        <u/>
        <sz val="14"/>
        <color rgb="FF000000"/>
        <rFont val="HGP教科書体"/>
        <family val="1"/>
        <charset val="128"/>
      </rPr>
      <t>尊敬</t>
    </r>
    <r>
      <rPr>
        <sz val="14"/>
        <color rgb="FF000000"/>
        <rFont val="HGP教科書体"/>
        <family val="1"/>
        <charset val="128"/>
      </rPr>
      <t>する。</t>
    </r>
  </si>
  <si>
    <r>
      <t>本を</t>
    </r>
    <r>
      <rPr>
        <b/>
        <u/>
        <sz val="14"/>
        <color rgb="FF000000"/>
        <rFont val="HGP教科書体"/>
        <family val="1"/>
        <charset val="128"/>
      </rPr>
      <t>朗読</t>
    </r>
    <r>
      <rPr>
        <sz val="14"/>
        <color rgb="FF000000"/>
        <rFont val="HGP教科書体"/>
        <family val="1"/>
        <charset val="128"/>
      </rPr>
      <t>する。</t>
    </r>
  </si>
  <si>
    <r>
      <t>遊園地で</t>
    </r>
    <r>
      <rPr>
        <b/>
        <u/>
        <sz val="14"/>
        <color rgb="FF000000"/>
        <rFont val="HGP教科書体"/>
        <family val="1"/>
        <charset val="128"/>
      </rPr>
      <t>迷子</t>
    </r>
    <r>
      <rPr>
        <sz val="14"/>
        <color rgb="FF000000"/>
        <rFont val="HGP教科書体"/>
        <family val="1"/>
        <charset val="128"/>
      </rPr>
      <t>になる。</t>
    </r>
  </si>
  <si>
    <r>
      <t>困難</t>
    </r>
    <r>
      <rPr>
        <sz val="14"/>
        <color rgb="FF000000"/>
        <rFont val="HGP教科書体"/>
        <family val="1"/>
        <charset val="128"/>
      </rPr>
      <t>に立ち向かう。</t>
    </r>
  </si>
  <si>
    <r>
      <t>わき出る</t>
    </r>
    <r>
      <rPr>
        <b/>
        <u/>
        <sz val="14"/>
        <color rgb="FF000000"/>
        <rFont val="HGP教科書体"/>
        <family val="1"/>
        <charset val="128"/>
      </rPr>
      <t>清水</t>
    </r>
    <r>
      <rPr>
        <sz val="14"/>
        <color rgb="FF000000"/>
        <rFont val="HGP教科書体"/>
        <family val="1"/>
        <charset val="128"/>
      </rPr>
      <t>を飲む。</t>
    </r>
  </si>
  <si>
    <r>
      <t>下手</t>
    </r>
    <r>
      <rPr>
        <sz val="14"/>
        <color rgb="FF000000"/>
        <rFont val="HGP教科書体"/>
        <family val="1"/>
        <charset val="128"/>
      </rPr>
      <t>の横好き。</t>
    </r>
  </si>
  <si>
    <r>
      <t>翌日</t>
    </r>
    <r>
      <rPr>
        <sz val="14"/>
        <color rgb="FF000000"/>
        <rFont val="HGP教科書体"/>
        <family val="1"/>
        <charset val="128"/>
      </rPr>
      <t>は晴れるでしょう。</t>
    </r>
  </si>
  <si>
    <r>
      <t>善</t>
    </r>
    <r>
      <rPr>
        <sz val="14"/>
        <color rgb="FF000000"/>
        <rFont val="HGP教科書体"/>
        <family val="1"/>
        <charset val="128"/>
      </rPr>
      <t>は急げ。</t>
    </r>
  </si>
  <si>
    <r>
      <t>宇宙旅行</t>
    </r>
    <r>
      <rPr>
        <sz val="14"/>
        <color rgb="FF000000"/>
        <rFont val="HGP教科書体"/>
        <family val="1"/>
        <charset val="128"/>
      </rPr>
      <t>へ出かける。</t>
    </r>
  </si>
  <si>
    <r>
      <t>入会を</t>
    </r>
    <r>
      <rPr>
        <b/>
        <u/>
        <sz val="14"/>
        <color rgb="FF000000"/>
        <rFont val="HGP教科書体"/>
        <family val="1"/>
        <charset val="128"/>
      </rPr>
      <t>認</t>
    </r>
    <r>
      <rPr>
        <sz val="14"/>
        <color rgb="FF000000"/>
        <rFont val="HGP教科書体"/>
        <family val="1"/>
        <charset val="128"/>
      </rPr>
      <t>める。</t>
    </r>
  </si>
  <si>
    <r>
      <t>会議では</t>
    </r>
    <r>
      <rPr>
        <b/>
        <u/>
        <sz val="14"/>
        <color rgb="FF000000"/>
        <rFont val="HGP教科書体"/>
        <family val="1"/>
        <charset val="128"/>
      </rPr>
      <t>私語</t>
    </r>
    <r>
      <rPr>
        <sz val="14"/>
        <color rgb="FF000000"/>
        <rFont val="HGP教科書体"/>
        <family val="1"/>
        <charset val="128"/>
      </rPr>
      <t>をつつしむ。</t>
    </r>
  </si>
  <si>
    <r>
      <t>自己</t>
    </r>
    <r>
      <rPr>
        <sz val="14"/>
        <color rgb="FF000000"/>
        <rFont val="HGP教科書体"/>
        <family val="1"/>
        <charset val="128"/>
      </rPr>
      <t>しょうかいをする。</t>
    </r>
  </si>
  <si>
    <r>
      <t>内閣</t>
    </r>
    <r>
      <rPr>
        <sz val="14"/>
        <color rgb="FF000000"/>
        <rFont val="HGP教科書体"/>
        <family val="1"/>
        <charset val="128"/>
      </rPr>
      <t>総理大臣。</t>
    </r>
  </si>
  <si>
    <r>
      <t>川に</t>
    </r>
    <r>
      <rPr>
        <b/>
        <u/>
        <sz val="14"/>
        <color rgb="FF000000"/>
        <rFont val="HGP教科書体"/>
        <family val="1"/>
        <charset val="128"/>
      </rPr>
      <t>沿</t>
    </r>
    <r>
      <rPr>
        <sz val="14"/>
        <color rgb="FF000000"/>
        <rFont val="HGP教科書体"/>
        <family val="1"/>
        <charset val="128"/>
      </rPr>
      <t>って歩く。</t>
    </r>
  </si>
  <si>
    <r>
      <t>誠実</t>
    </r>
    <r>
      <rPr>
        <sz val="14"/>
        <color rgb="FF000000"/>
        <rFont val="HGP教科書体"/>
        <family val="1"/>
        <charset val="128"/>
      </rPr>
      <t>な態度で人と接する。</t>
    </r>
  </si>
  <si>
    <r>
      <t>情報が多くて</t>
    </r>
    <r>
      <rPr>
        <b/>
        <u/>
        <sz val="14"/>
        <color rgb="FF000000"/>
        <rFont val="HGP教科書体"/>
        <family val="1"/>
        <charset val="128"/>
      </rPr>
      <t>混乱</t>
    </r>
    <r>
      <rPr>
        <sz val="14"/>
        <color rgb="FF000000"/>
        <rFont val="HGP教科書体"/>
        <family val="1"/>
        <charset val="128"/>
      </rPr>
      <t>する。</t>
    </r>
  </si>
  <si>
    <r>
      <t>千葉市は</t>
    </r>
    <r>
      <rPr>
        <b/>
        <u/>
        <sz val="14"/>
        <color rgb="FF000000"/>
        <rFont val="HGP教科書体"/>
        <family val="1"/>
        <charset val="128"/>
      </rPr>
      <t>県庁</t>
    </r>
    <r>
      <rPr>
        <sz val="14"/>
        <color rgb="FF000000"/>
        <rFont val="HGP教科書体"/>
        <family val="1"/>
        <charset val="128"/>
      </rPr>
      <t>所在地だ。</t>
    </r>
  </si>
  <si>
    <r>
      <t>オーケストラの</t>
    </r>
    <r>
      <rPr>
        <b/>
        <u/>
        <sz val="14"/>
        <color rgb="FF000000"/>
        <rFont val="HGP教科書体"/>
        <family val="1"/>
        <charset val="128"/>
      </rPr>
      <t>指揮者</t>
    </r>
    <r>
      <rPr>
        <sz val="14"/>
        <color rgb="FF000000"/>
        <rFont val="HGP教科書体"/>
        <family val="1"/>
        <charset val="128"/>
      </rPr>
      <t>。</t>
    </r>
  </si>
  <si>
    <r>
      <t>音楽の時間に</t>
    </r>
    <r>
      <rPr>
        <b/>
        <u/>
        <sz val="14"/>
        <color rgb="FF000000"/>
        <rFont val="HGP教科書体"/>
        <family val="1"/>
        <charset val="128"/>
      </rPr>
      <t>合奏</t>
    </r>
    <r>
      <rPr>
        <sz val="14"/>
        <color rgb="FF000000"/>
        <rFont val="HGP教科書体"/>
        <family val="1"/>
        <charset val="128"/>
      </rPr>
      <t>する。</t>
    </r>
  </si>
  <si>
    <r>
      <t>俵型</t>
    </r>
    <r>
      <rPr>
        <sz val="14"/>
        <color theme="1"/>
        <rFont val="HGP教科書体"/>
        <family val="1"/>
        <charset val="128"/>
      </rPr>
      <t>のおにぎり。</t>
    </r>
  </si>
  <si>
    <r>
      <t>長い</t>
    </r>
    <r>
      <rPr>
        <b/>
        <u/>
        <sz val="14"/>
        <color theme="1"/>
        <rFont val="HGP教科書体"/>
        <family val="1"/>
        <charset val="128"/>
      </rPr>
      <t>棒</t>
    </r>
    <r>
      <rPr>
        <sz val="14"/>
        <color theme="1"/>
        <rFont val="HGP教科書体"/>
        <family val="1"/>
        <charset val="128"/>
      </rPr>
      <t>をふる。</t>
    </r>
    <phoneticPr fontId="6"/>
  </si>
  <si>
    <r>
      <t>絵の</t>
    </r>
    <r>
      <rPr>
        <b/>
        <u/>
        <sz val="14"/>
        <color theme="1"/>
        <rFont val="HGP教科書体"/>
        <family val="1"/>
        <charset val="128"/>
      </rPr>
      <t>展覧会</t>
    </r>
    <r>
      <rPr>
        <sz val="14"/>
        <color theme="1"/>
        <rFont val="HGP教科書体"/>
        <family val="1"/>
        <charset val="128"/>
      </rPr>
      <t>に行く。</t>
    </r>
  </si>
  <si>
    <r>
      <t>言い</t>
    </r>
    <r>
      <rPr>
        <b/>
        <u/>
        <sz val="14"/>
        <color theme="1"/>
        <rFont val="HGP教科書体"/>
        <family val="1"/>
        <charset val="128"/>
      </rPr>
      <t>訳</t>
    </r>
    <r>
      <rPr>
        <sz val="14"/>
        <color theme="1"/>
        <rFont val="HGP教科書体"/>
        <family val="1"/>
        <charset val="128"/>
      </rPr>
      <t>をしない。</t>
    </r>
  </si>
  <si>
    <r>
      <t>心臓</t>
    </r>
    <r>
      <rPr>
        <sz val="14"/>
        <color theme="1"/>
        <rFont val="HGP教科書体"/>
        <family val="1"/>
        <charset val="128"/>
      </rPr>
      <t>の音をきく。</t>
    </r>
  </si>
  <si>
    <r>
      <t>注文を</t>
    </r>
    <r>
      <rPr>
        <b/>
        <u/>
        <sz val="14"/>
        <color theme="1"/>
        <rFont val="HGP教科書体"/>
        <family val="1"/>
        <charset val="128"/>
      </rPr>
      <t>承</t>
    </r>
    <r>
      <rPr>
        <sz val="14"/>
        <color theme="1"/>
        <rFont val="HGP教科書体"/>
        <family val="1"/>
        <charset val="128"/>
      </rPr>
      <t>る。</t>
    </r>
  </si>
  <si>
    <r>
      <t>お年玉を銀行に</t>
    </r>
    <r>
      <rPr>
        <b/>
        <u/>
        <sz val="14"/>
        <color theme="1"/>
        <rFont val="HGP教科書体"/>
        <family val="1"/>
        <charset val="128"/>
      </rPr>
      <t>預</t>
    </r>
    <r>
      <rPr>
        <sz val="14"/>
        <color theme="1"/>
        <rFont val="HGP教科書体"/>
        <family val="1"/>
        <charset val="128"/>
      </rPr>
      <t>ける。</t>
    </r>
  </si>
  <si>
    <r>
      <t>その場を</t>
    </r>
    <r>
      <rPr>
        <b/>
        <u/>
        <sz val="14"/>
        <color theme="1"/>
        <rFont val="HGP教科書体"/>
        <family val="1"/>
        <charset val="128"/>
      </rPr>
      <t>退</t>
    </r>
    <r>
      <rPr>
        <sz val="14"/>
        <color theme="1"/>
        <rFont val="HGP教科書体"/>
        <family val="1"/>
        <charset val="128"/>
      </rPr>
      <t>く。</t>
    </r>
  </si>
  <si>
    <r>
      <t>学級会で</t>
    </r>
    <r>
      <rPr>
        <b/>
        <u/>
        <sz val="14"/>
        <color theme="1"/>
        <rFont val="HGP教科書体"/>
        <family val="1"/>
        <charset val="128"/>
      </rPr>
      <t>討論</t>
    </r>
    <r>
      <rPr>
        <sz val="14"/>
        <color theme="1"/>
        <rFont val="HGP教科書体"/>
        <family val="1"/>
        <charset val="128"/>
      </rPr>
      <t>する。</t>
    </r>
    <rPh sb="0" eb="2">
      <t>ガッキュウ</t>
    </rPh>
    <rPh sb="2" eb="3">
      <t>カイ</t>
    </rPh>
    <phoneticPr fontId="6"/>
  </si>
  <si>
    <r>
      <t>金銭</t>
    </r>
    <r>
      <rPr>
        <sz val="14"/>
        <color theme="1"/>
        <rFont val="HGP教科書体"/>
        <family val="1"/>
        <charset val="128"/>
      </rPr>
      <t>の管理をしっかりする。</t>
    </r>
  </si>
  <si>
    <r>
      <t>筋力</t>
    </r>
    <r>
      <rPr>
        <sz val="14"/>
        <color theme="1"/>
        <rFont val="HGP教科書体"/>
        <family val="1"/>
        <charset val="128"/>
      </rPr>
      <t>をつける。</t>
    </r>
  </si>
  <si>
    <r>
      <t>くつが</t>
    </r>
    <r>
      <rPr>
        <b/>
        <u/>
        <sz val="14"/>
        <color theme="1"/>
        <rFont val="HGP教科書体"/>
        <family val="1"/>
        <charset val="128"/>
      </rPr>
      <t>片方</t>
    </r>
    <r>
      <rPr>
        <sz val="14"/>
        <color theme="1"/>
        <rFont val="HGP教科書体"/>
        <family val="1"/>
        <charset val="128"/>
      </rPr>
      <t>ない。</t>
    </r>
  </si>
  <si>
    <r>
      <t>山頂</t>
    </r>
    <r>
      <rPr>
        <sz val="14"/>
        <color theme="1"/>
        <rFont val="HGP教科書体"/>
        <family val="1"/>
        <charset val="128"/>
      </rPr>
      <t>を目指す。</t>
    </r>
  </si>
  <si>
    <r>
      <t>入場券</t>
    </r>
    <r>
      <rPr>
        <sz val="14"/>
        <color theme="1"/>
        <rFont val="HGP教科書体"/>
        <family val="1"/>
        <charset val="128"/>
      </rPr>
      <t>を買う。</t>
    </r>
  </si>
  <si>
    <r>
      <t>恩</t>
    </r>
    <r>
      <rPr>
        <sz val="14"/>
        <color theme="1"/>
        <rFont val="HGP教科書体"/>
        <family val="1"/>
        <charset val="128"/>
      </rPr>
      <t>をあだで返す。</t>
    </r>
  </si>
  <si>
    <r>
      <t>図形を</t>
    </r>
    <r>
      <rPr>
        <b/>
        <u/>
        <sz val="14"/>
        <color theme="1"/>
        <rFont val="HGP教科書体"/>
        <family val="1"/>
        <charset val="128"/>
      </rPr>
      <t>縮小</t>
    </r>
    <r>
      <rPr>
        <sz val="14"/>
        <color theme="1"/>
        <rFont val="HGP教科書体"/>
        <family val="1"/>
        <charset val="128"/>
      </rPr>
      <t>する。</t>
    </r>
  </si>
  <si>
    <r>
      <t>外敵</t>
    </r>
    <r>
      <rPr>
        <sz val="14"/>
        <color theme="1"/>
        <rFont val="HGP教科書体"/>
        <family val="1"/>
        <charset val="128"/>
      </rPr>
      <t>から身を守る。</t>
    </r>
  </si>
  <si>
    <r>
      <t>胃腸</t>
    </r>
    <r>
      <rPr>
        <sz val="14"/>
        <color theme="1"/>
        <rFont val="HGP教科書体"/>
        <family val="1"/>
        <charset val="128"/>
      </rPr>
      <t>の検査をする。</t>
    </r>
  </si>
  <si>
    <r>
      <t>演技の上手さに</t>
    </r>
    <r>
      <rPr>
        <b/>
        <u/>
        <sz val="14"/>
        <color theme="1"/>
        <rFont val="HGP教科書体"/>
        <family val="1"/>
        <charset val="128"/>
      </rPr>
      <t>舌</t>
    </r>
    <r>
      <rPr>
        <sz val="14"/>
        <color theme="1"/>
        <rFont val="HGP教科書体"/>
        <family val="1"/>
        <charset val="128"/>
      </rPr>
      <t>をまく。</t>
    </r>
  </si>
  <si>
    <r>
      <t>タワラガタ</t>
    </r>
    <r>
      <rPr>
        <sz val="14"/>
        <color theme="1"/>
        <rFont val="HGP教科書体"/>
        <family val="1"/>
        <charset val="128"/>
      </rPr>
      <t>のおにぎり。</t>
    </r>
  </si>
  <si>
    <r>
      <t>長い</t>
    </r>
    <r>
      <rPr>
        <b/>
        <u/>
        <sz val="14"/>
        <color theme="1"/>
        <rFont val="HGP教科書体"/>
        <family val="1"/>
        <charset val="128"/>
      </rPr>
      <t>ボウ</t>
    </r>
    <r>
      <rPr>
        <sz val="14"/>
        <color theme="1"/>
        <rFont val="HGP教科書体"/>
        <family val="1"/>
        <charset val="128"/>
      </rPr>
      <t>をふる。</t>
    </r>
    <phoneticPr fontId="10"/>
  </si>
  <si>
    <r>
      <t>言い</t>
    </r>
    <r>
      <rPr>
        <b/>
        <u/>
        <sz val="14"/>
        <color theme="1"/>
        <rFont val="HGP教科書体"/>
        <family val="1"/>
        <charset val="128"/>
      </rPr>
      <t>ワケ</t>
    </r>
    <r>
      <rPr>
        <sz val="14"/>
        <color theme="1"/>
        <rFont val="HGP教科書体"/>
        <family val="1"/>
        <charset val="128"/>
      </rPr>
      <t>をしない。</t>
    </r>
  </si>
  <si>
    <r>
      <t>絵の</t>
    </r>
    <r>
      <rPr>
        <b/>
        <u/>
        <sz val="14"/>
        <color theme="1"/>
        <rFont val="HGP教科書体"/>
        <family val="1"/>
        <charset val="128"/>
      </rPr>
      <t>テンランカイ</t>
    </r>
    <r>
      <rPr>
        <sz val="14"/>
        <color theme="1"/>
        <rFont val="HGP教科書体"/>
        <family val="1"/>
        <charset val="128"/>
      </rPr>
      <t>に行く。</t>
    </r>
  </si>
  <si>
    <r>
      <t>シンゾウ</t>
    </r>
    <r>
      <rPr>
        <sz val="14"/>
        <color theme="1"/>
        <rFont val="HGP教科書体"/>
        <family val="1"/>
        <charset val="128"/>
      </rPr>
      <t>の音をきく。</t>
    </r>
  </si>
  <si>
    <r>
      <t>注文を</t>
    </r>
    <r>
      <rPr>
        <b/>
        <u/>
        <sz val="14"/>
        <color theme="1"/>
        <rFont val="HGP教科書体"/>
        <family val="1"/>
        <charset val="128"/>
      </rPr>
      <t>ウケタマワ</t>
    </r>
    <r>
      <rPr>
        <sz val="14"/>
        <color theme="1"/>
        <rFont val="HGP教科書体"/>
        <family val="1"/>
        <charset val="128"/>
      </rPr>
      <t>る。</t>
    </r>
  </si>
  <si>
    <r>
      <t>お年玉を銀行に</t>
    </r>
    <r>
      <rPr>
        <b/>
        <u/>
        <sz val="14"/>
        <color theme="1"/>
        <rFont val="HGP教科書体"/>
        <family val="1"/>
        <charset val="128"/>
      </rPr>
      <t>アズ</t>
    </r>
    <r>
      <rPr>
        <sz val="14"/>
        <color theme="1"/>
        <rFont val="HGP教科書体"/>
        <family val="1"/>
        <charset val="128"/>
      </rPr>
      <t>ける。</t>
    </r>
  </si>
  <si>
    <r>
      <t>その場を</t>
    </r>
    <r>
      <rPr>
        <b/>
        <u/>
        <sz val="14"/>
        <color theme="1"/>
        <rFont val="HGP教科書体"/>
        <family val="1"/>
        <charset val="128"/>
      </rPr>
      <t>シリゾ</t>
    </r>
    <r>
      <rPr>
        <sz val="14"/>
        <color theme="1"/>
        <rFont val="HGP教科書体"/>
        <family val="1"/>
        <charset val="128"/>
      </rPr>
      <t>く。</t>
    </r>
  </si>
  <si>
    <r>
      <t>キンセン</t>
    </r>
    <r>
      <rPr>
        <sz val="14"/>
        <color theme="1"/>
        <rFont val="HGP教科書体"/>
        <family val="1"/>
        <charset val="128"/>
      </rPr>
      <t>の管理をしっかりする。</t>
    </r>
  </si>
  <si>
    <r>
      <t>キンリョク</t>
    </r>
    <r>
      <rPr>
        <sz val="14"/>
        <color theme="1"/>
        <rFont val="HGP教科書体"/>
        <family val="1"/>
        <charset val="128"/>
      </rPr>
      <t>をつける。</t>
    </r>
  </si>
  <si>
    <r>
      <t>くつが</t>
    </r>
    <r>
      <rPr>
        <b/>
        <u/>
        <sz val="14"/>
        <color theme="1"/>
        <rFont val="HGP教科書体"/>
        <family val="1"/>
        <charset val="128"/>
      </rPr>
      <t>カタホウ</t>
    </r>
    <r>
      <rPr>
        <sz val="14"/>
        <color theme="1"/>
        <rFont val="HGP教科書体"/>
        <family val="1"/>
        <charset val="128"/>
      </rPr>
      <t>ない。</t>
    </r>
  </si>
  <si>
    <r>
      <t>サンチョウ</t>
    </r>
    <r>
      <rPr>
        <sz val="14"/>
        <color theme="1"/>
        <rFont val="HGP教科書体"/>
        <family val="1"/>
        <charset val="128"/>
      </rPr>
      <t>を目指す。</t>
    </r>
  </si>
  <si>
    <r>
      <t>ニュウジョウケン</t>
    </r>
    <r>
      <rPr>
        <sz val="14"/>
        <color theme="1"/>
        <rFont val="HGP教科書体"/>
        <family val="1"/>
        <charset val="128"/>
      </rPr>
      <t>を買う。</t>
    </r>
  </si>
  <si>
    <r>
      <t>オン</t>
    </r>
    <r>
      <rPr>
        <sz val="14"/>
        <color theme="1"/>
        <rFont val="HGP教科書体"/>
        <family val="1"/>
        <charset val="128"/>
      </rPr>
      <t>をあだで返す。</t>
    </r>
  </si>
  <si>
    <r>
      <t>図形を</t>
    </r>
    <r>
      <rPr>
        <b/>
        <u/>
        <sz val="14"/>
        <color theme="1"/>
        <rFont val="HGP教科書体"/>
        <family val="1"/>
        <charset val="128"/>
      </rPr>
      <t>シュクショウ</t>
    </r>
    <r>
      <rPr>
        <sz val="14"/>
        <color theme="1"/>
        <rFont val="HGP教科書体"/>
        <family val="1"/>
        <charset val="128"/>
      </rPr>
      <t>する。</t>
    </r>
  </si>
  <si>
    <r>
      <t>ガイテキ</t>
    </r>
    <r>
      <rPr>
        <sz val="14"/>
        <color theme="1"/>
        <rFont val="HGP教科書体"/>
        <family val="1"/>
        <charset val="128"/>
      </rPr>
      <t>から身を守る。</t>
    </r>
  </si>
  <si>
    <r>
      <t>イチョウ</t>
    </r>
    <r>
      <rPr>
        <sz val="14"/>
        <color theme="1"/>
        <rFont val="HGP教科書体"/>
        <family val="1"/>
        <charset val="128"/>
      </rPr>
      <t>の検査をする。</t>
    </r>
  </si>
  <si>
    <r>
      <t>演技の上手さに</t>
    </r>
    <r>
      <rPr>
        <b/>
        <u/>
        <sz val="14"/>
        <color theme="1"/>
        <rFont val="HGP教科書体"/>
        <family val="1"/>
        <charset val="128"/>
      </rPr>
      <t>シタ</t>
    </r>
    <r>
      <rPr>
        <sz val="14"/>
        <color theme="1"/>
        <rFont val="HGP教科書体"/>
        <family val="1"/>
        <charset val="128"/>
      </rPr>
      <t>をまく。</t>
    </r>
  </si>
  <si>
    <r>
      <rPr>
        <b/>
        <u/>
        <sz val="14"/>
        <color theme="1"/>
        <rFont val="HGP教科書体"/>
        <family val="1"/>
        <charset val="128"/>
      </rPr>
      <t>タワラガタ</t>
    </r>
    <r>
      <rPr>
        <sz val="14"/>
        <color theme="1"/>
        <rFont val="HGP教科書体"/>
        <family val="1"/>
        <charset val="128"/>
      </rPr>
      <t>のおにぎり。</t>
    </r>
    <phoneticPr fontId="10"/>
  </si>
  <si>
    <r>
      <t>長い</t>
    </r>
    <r>
      <rPr>
        <b/>
        <u/>
        <sz val="14"/>
        <color theme="1"/>
        <rFont val="HGP教科書体"/>
        <family val="1"/>
        <charset val="128"/>
      </rPr>
      <t>ボウ</t>
    </r>
    <r>
      <rPr>
        <sz val="14"/>
        <color theme="1"/>
        <rFont val="HGP教科書体"/>
        <family val="1"/>
        <charset val="128"/>
      </rPr>
      <t>をふる。</t>
    </r>
    <rPh sb="0" eb="1">
      <t>ナガ</t>
    </rPh>
    <phoneticPr fontId="2"/>
  </si>
  <si>
    <r>
      <rPr>
        <b/>
        <u/>
        <sz val="14"/>
        <color theme="1"/>
        <rFont val="HGP教科書体"/>
        <family val="1"/>
        <charset val="128"/>
      </rPr>
      <t>俵型</t>
    </r>
    <r>
      <rPr>
        <sz val="14"/>
        <color theme="1"/>
        <rFont val="HGP教科書体"/>
        <family val="1"/>
        <charset val="128"/>
      </rPr>
      <t>のおにぎり。</t>
    </r>
    <rPh sb="0" eb="1">
      <t>タワラ</t>
    </rPh>
    <rPh sb="1" eb="2">
      <t>カタ</t>
    </rPh>
    <phoneticPr fontId="2"/>
  </si>
  <si>
    <r>
      <t>長い</t>
    </r>
    <r>
      <rPr>
        <b/>
        <u/>
        <sz val="14"/>
        <color theme="1"/>
        <rFont val="HGP教科書体"/>
        <family val="1"/>
        <charset val="128"/>
      </rPr>
      <t>棒</t>
    </r>
    <r>
      <rPr>
        <sz val="14"/>
        <color theme="1"/>
        <rFont val="HGP教科書体"/>
        <family val="1"/>
        <charset val="128"/>
      </rPr>
      <t>をふる。</t>
    </r>
    <rPh sb="0" eb="1">
      <t>ナガ</t>
    </rPh>
    <rPh sb="2" eb="3">
      <t>ボウ</t>
    </rPh>
    <phoneticPr fontId="2"/>
  </si>
  <si>
    <r>
      <t>絵の</t>
    </r>
    <r>
      <rPr>
        <b/>
        <u/>
        <sz val="14"/>
        <color theme="1"/>
        <rFont val="HGP教科書体"/>
        <family val="1"/>
        <charset val="128"/>
      </rPr>
      <t>テンランカイ</t>
    </r>
    <r>
      <rPr>
        <sz val="14"/>
        <color theme="1"/>
        <rFont val="HGP教科書体"/>
        <family val="1"/>
        <charset val="128"/>
      </rPr>
      <t>に行く。</t>
    </r>
    <phoneticPr fontId="10"/>
  </si>
  <si>
    <r>
      <t>言い</t>
    </r>
    <r>
      <rPr>
        <b/>
        <u/>
        <sz val="14"/>
        <color theme="1"/>
        <rFont val="HGP教科書体"/>
        <family val="1"/>
        <charset val="128"/>
      </rPr>
      <t>ワケ</t>
    </r>
    <r>
      <rPr>
        <sz val="14"/>
        <color theme="1"/>
        <rFont val="HGP教科書体"/>
        <family val="1"/>
        <charset val="128"/>
      </rPr>
      <t>をしない。</t>
    </r>
    <rPh sb="0" eb="1">
      <t>イ</t>
    </rPh>
    <phoneticPr fontId="2"/>
  </si>
  <si>
    <r>
      <t>絵の</t>
    </r>
    <r>
      <rPr>
        <b/>
        <u/>
        <sz val="14"/>
        <color theme="1"/>
        <rFont val="HGP教科書体"/>
        <family val="1"/>
        <charset val="128"/>
      </rPr>
      <t>展覧会</t>
    </r>
    <r>
      <rPr>
        <sz val="14"/>
        <color theme="1"/>
        <rFont val="HGP教科書体"/>
        <family val="1"/>
        <charset val="128"/>
      </rPr>
      <t>に行く。</t>
    </r>
    <rPh sb="0" eb="1">
      <t>エ</t>
    </rPh>
    <rPh sb="2" eb="5">
      <t>テンランカイ</t>
    </rPh>
    <rPh sb="6" eb="7">
      <t>イ</t>
    </rPh>
    <phoneticPr fontId="2"/>
  </si>
  <si>
    <r>
      <t>言い</t>
    </r>
    <r>
      <rPr>
        <b/>
        <u/>
        <sz val="14"/>
        <color theme="1"/>
        <rFont val="HGP教科書体"/>
        <family val="1"/>
        <charset val="128"/>
      </rPr>
      <t>訳</t>
    </r>
    <r>
      <rPr>
        <sz val="14"/>
        <color theme="1"/>
        <rFont val="HGP教科書体"/>
        <family val="1"/>
        <charset val="128"/>
      </rPr>
      <t>をしない。</t>
    </r>
    <rPh sb="0" eb="1">
      <t>イ</t>
    </rPh>
    <rPh sb="2" eb="3">
      <t>ワケ</t>
    </rPh>
    <phoneticPr fontId="2"/>
  </si>
  <si>
    <r>
      <rPr>
        <b/>
        <u/>
        <sz val="14"/>
        <color theme="1"/>
        <rFont val="HGP教科書体"/>
        <family val="1"/>
        <charset val="128"/>
      </rPr>
      <t>シンゾウ</t>
    </r>
    <r>
      <rPr>
        <sz val="14"/>
        <color theme="1"/>
        <rFont val="HGP教科書体"/>
        <family val="1"/>
        <charset val="128"/>
      </rPr>
      <t>の音をきく。</t>
    </r>
    <rPh sb="5" eb="6">
      <t>オト</t>
    </rPh>
    <phoneticPr fontId="1"/>
  </si>
  <si>
    <r>
      <t>注文を</t>
    </r>
    <r>
      <rPr>
        <b/>
        <u/>
        <sz val="14"/>
        <color theme="1"/>
        <rFont val="HGP教科書体"/>
        <family val="1"/>
        <charset val="128"/>
      </rPr>
      <t>ウケタマワ</t>
    </r>
    <r>
      <rPr>
        <sz val="14"/>
        <color theme="1"/>
        <rFont val="HGP教科書体"/>
        <family val="1"/>
        <charset val="128"/>
      </rPr>
      <t>る。</t>
    </r>
    <phoneticPr fontId="10"/>
  </si>
  <si>
    <r>
      <t>お年玉を銀行に</t>
    </r>
    <r>
      <rPr>
        <b/>
        <u/>
        <sz val="14"/>
        <color theme="1"/>
        <rFont val="HGP教科書体"/>
        <family val="1"/>
        <charset val="128"/>
      </rPr>
      <t>アズ</t>
    </r>
    <r>
      <rPr>
        <sz val="14"/>
        <color theme="1"/>
        <rFont val="HGP教科書体"/>
        <family val="1"/>
        <charset val="128"/>
      </rPr>
      <t>ける。</t>
    </r>
    <rPh sb="4" eb="6">
      <t>ギンコウ</t>
    </rPh>
    <phoneticPr fontId="10"/>
  </si>
  <si>
    <r>
      <t>その場を</t>
    </r>
    <r>
      <rPr>
        <b/>
        <u/>
        <sz val="14"/>
        <color theme="1"/>
        <rFont val="HGP教科書体"/>
        <family val="1"/>
        <charset val="128"/>
      </rPr>
      <t>シリゾ</t>
    </r>
    <r>
      <rPr>
        <sz val="14"/>
        <color theme="1"/>
        <rFont val="HGP教科書体"/>
        <family val="1"/>
        <charset val="128"/>
      </rPr>
      <t>く。</t>
    </r>
    <phoneticPr fontId="10"/>
  </si>
  <si>
    <r>
      <rPr>
        <b/>
        <u/>
        <sz val="14"/>
        <color theme="1"/>
        <rFont val="HGP教科書体"/>
        <family val="1"/>
        <charset val="128"/>
      </rPr>
      <t>心臓</t>
    </r>
    <r>
      <rPr>
        <sz val="14"/>
        <color theme="1"/>
        <rFont val="HGP教科書体"/>
        <family val="1"/>
        <charset val="128"/>
      </rPr>
      <t>の音をきく。</t>
    </r>
    <rPh sb="0" eb="2">
      <t>シンゾウ</t>
    </rPh>
    <rPh sb="3" eb="4">
      <t>オト</t>
    </rPh>
    <phoneticPr fontId="10"/>
  </si>
  <si>
    <r>
      <t>注文を</t>
    </r>
    <r>
      <rPr>
        <b/>
        <u/>
        <sz val="14"/>
        <color theme="1"/>
        <rFont val="HGP教科書体"/>
        <family val="1"/>
        <charset val="128"/>
      </rPr>
      <t>承</t>
    </r>
    <r>
      <rPr>
        <sz val="14"/>
        <color theme="1"/>
        <rFont val="HGP教科書体"/>
        <family val="1"/>
        <charset val="128"/>
      </rPr>
      <t>る。</t>
    </r>
    <rPh sb="0" eb="2">
      <t>チュウモン</t>
    </rPh>
    <rPh sb="3" eb="4">
      <t>ウケタマワ</t>
    </rPh>
    <phoneticPr fontId="1"/>
  </si>
  <si>
    <r>
      <t>お年玉を銀行に</t>
    </r>
    <r>
      <rPr>
        <b/>
        <u/>
        <sz val="14"/>
        <color theme="1"/>
        <rFont val="HGP教科書体"/>
        <family val="1"/>
        <charset val="128"/>
      </rPr>
      <t>預</t>
    </r>
    <r>
      <rPr>
        <sz val="14"/>
        <color theme="1"/>
        <rFont val="HGP教科書体"/>
        <family val="1"/>
        <charset val="128"/>
      </rPr>
      <t>ける。</t>
    </r>
    <rPh sb="1" eb="3">
      <t>トシダマ</t>
    </rPh>
    <rPh sb="4" eb="6">
      <t>ギンコウ</t>
    </rPh>
    <rPh sb="7" eb="8">
      <t>アズカリ</t>
    </rPh>
    <phoneticPr fontId="1"/>
  </si>
  <si>
    <r>
      <t>その場を</t>
    </r>
    <r>
      <rPr>
        <b/>
        <u/>
        <sz val="14"/>
        <color theme="1"/>
        <rFont val="HGP教科書体"/>
        <family val="1"/>
        <charset val="128"/>
      </rPr>
      <t>退</t>
    </r>
    <r>
      <rPr>
        <sz val="14"/>
        <color theme="1"/>
        <rFont val="HGP教科書体"/>
        <family val="1"/>
        <charset val="128"/>
      </rPr>
      <t>く。</t>
    </r>
    <rPh sb="2" eb="3">
      <t>バ</t>
    </rPh>
    <rPh sb="4" eb="5">
      <t>シリゾ</t>
    </rPh>
    <phoneticPr fontId="1"/>
  </si>
  <si>
    <r>
      <t>学級会で</t>
    </r>
    <r>
      <rPr>
        <b/>
        <u/>
        <sz val="14"/>
        <color theme="1"/>
        <rFont val="HGP教科書体"/>
        <family val="1"/>
        <charset val="128"/>
      </rPr>
      <t>トウロン</t>
    </r>
    <r>
      <rPr>
        <sz val="14"/>
        <color theme="1"/>
        <rFont val="HGP教科書体"/>
        <family val="1"/>
        <charset val="128"/>
      </rPr>
      <t>する。</t>
    </r>
    <rPh sb="0" eb="2">
      <t>ガッキュウ</t>
    </rPh>
    <rPh sb="2" eb="3">
      <t>カイ</t>
    </rPh>
    <phoneticPr fontId="1"/>
  </si>
  <si>
    <r>
      <rPr>
        <b/>
        <u/>
        <sz val="14"/>
        <color theme="1"/>
        <rFont val="HGP教科書体"/>
        <family val="1"/>
        <charset val="128"/>
      </rPr>
      <t>キンセン</t>
    </r>
    <r>
      <rPr>
        <sz val="14"/>
        <color theme="1"/>
        <rFont val="HGP教科書体"/>
        <family val="1"/>
        <charset val="128"/>
      </rPr>
      <t>の管理をしっかりする。</t>
    </r>
    <phoneticPr fontId="1"/>
  </si>
  <si>
    <r>
      <rPr>
        <b/>
        <u/>
        <sz val="14"/>
        <color theme="1"/>
        <rFont val="HGP教科書体"/>
        <family val="1"/>
        <charset val="128"/>
      </rPr>
      <t>キンリョク</t>
    </r>
    <r>
      <rPr>
        <sz val="14"/>
        <color theme="1"/>
        <rFont val="HGP教科書体"/>
        <family val="1"/>
        <charset val="128"/>
      </rPr>
      <t>をつける。</t>
    </r>
    <phoneticPr fontId="1"/>
  </si>
  <si>
    <r>
      <t>くつが</t>
    </r>
    <r>
      <rPr>
        <b/>
        <u/>
        <sz val="14"/>
        <color theme="1"/>
        <rFont val="HGP教科書体"/>
        <family val="1"/>
        <charset val="128"/>
      </rPr>
      <t>カタホウ</t>
    </r>
    <r>
      <rPr>
        <sz val="14"/>
        <color theme="1"/>
        <rFont val="HGP教科書体"/>
        <family val="1"/>
        <charset val="128"/>
      </rPr>
      <t>ない。</t>
    </r>
    <phoneticPr fontId="1"/>
  </si>
  <si>
    <r>
      <rPr>
        <b/>
        <u/>
        <sz val="14"/>
        <color theme="1"/>
        <rFont val="HGP教科書体"/>
        <family val="1"/>
        <charset val="128"/>
      </rPr>
      <t>サンチョウ</t>
    </r>
    <r>
      <rPr>
        <sz val="14"/>
        <color theme="1"/>
        <rFont val="HGP教科書体"/>
        <family val="1"/>
        <charset val="128"/>
      </rPr>
      <t>を目指す。</t>
    </r>
    <rPh sb="6" eb="8">
      <t>メザ</t>
    </rPh>
    <phoneticPr fontId="1"/>
  </si>
  <si>
    <r>
      <t>学級会で</t>
    </r>
    <r>
      <rPr>
        <b/>
        <u/>
        <sz val="14"/>
        <color theme="1"/>
        <rFont val="HGP教科書体"/>
        <family val="1"/>
        <charset val="128"/>
      </rPr>
      <t>討論</t>
    </r>
    <r>
      <rPr>
        <sz val="14"/>
        <color theme="1"/>
        <rFont val="HGP教科書体"/>
        <family val="1"/>
        <charset val="128"/>
      </rPr>
      <t>する。</t>
    </r>
    <rPh sb="0" eb="2">
      <t>ガッキュウ</t>
    </rPh>
    <rPh sb="2" eb="3">
      <t>カイ</t>
    </rPh>
    <rPh sb="4" eb="6">
      <t>トウロン</t>
    </rPh>
    <phoneticPr fontId="1"/>
  </si>
  <si>
    <r>
      <rPr>
        <b/>
        <u/>
        <sz val="14"/>
        <color theme="1"/>
        <rFont val="HGP教科書体"/>
        <family val="1"/>
        <charset val="128"/>
      </rPr>
      <t>金銭</t>
    </r>
    <r>
      <rPr>
        <sz val="14"/>
        <color theme="1"/>
        <rFont val="HGP教科書体"/>
        <family val="1"/>
        <charset val="128"/>
      </rPr>
      <t>の管理をしっかりする。</t>
    </r>
    <rPh sb="0" eb="2">
      <t>キンセン</t>
    </rPh>
    <rPh sb="3" eb="5">
      <t>カンリ</t>
    </rPh>
    <phoneticPr fontId="1"/>
  </si>
  <si>
    <r>
      <rPr>
        <b/>
        <u/>
        <sz val="14"/>
        <color theme="1"/>
        <rFont val="HGP教科書体"/>
        <family val="1"/>
        <charset val="128"/>
      </rPr>
      <t>筋力</t>
    </r>
    <r>
      <rPr>
        <sz val="14"/>
        <color theme="1"/>
        <rFont val="HGP教科書体"/>
        <family val="1"/>
        <charset val="128"/>
      </rPr>
      <t>をつける。</t>
    </r>
    <rPh sb="0" eb="1">
      <t>スジ</t>
    </rPh>
    <rPh sb="1" eb="2">
      <t>チカラ</t>
    </rPh>
    <phoneticPr fontId="1"/>
  </si>
  <si>
    <r>
      <t>くつが</t>
    </r>
    <r>
      <rPr>
        <b/>
        <u/>
        <sz val="14"/>
        <color theme="1"/>
        <rFont val="HGP教科書体"/>
        <family val="1"/>
        <charset val="128"/>
      </rPr>
      <t>片方</t>
    </r>
    <r>
      <rPr>
        <sz val="14"/>
        <color theme="1"/>
        <rFont val="HGP教科書体"/>
        <family val="1"/>
        <charset val="128"/>
      </rPr>
      <t>ない。</t>
    </r>
    <rPh sb="3" eb="5">
      <t>カタホウ</t>
    </rPh>
    <phoneticPr fontId="1"/>
  </si>
  <si>
    <r>
      <rPr>
        <b/>
        <u/>
        <sz val="14"/>
        <color theme="1"/>
        <rFont val="HGP教科書体"/>
        <family val="1"/>
        <charset val="128"/>
      </rPr>
      <t>山頂</t>
    </r>
    <r>
      <rPr>
        <sz val="14"/>
        <color theme="1"/>
        <rFont val="HGP教科書体"/>
        <family val="1"/>
        <charset val="128"/>
      </rPr>
      <t>を目指す。</t>
    </r>
    <rPh sb="0" eb="1">
      <t>ヤマ</t>
    </rPh>
    <rPh sb="1" eb="2">
      <t>イタダ</t>
    </rPh>
    <rPh sb="3" eb="5">
      <t>メザ</t>
    </rPh>
    <phoneticPr fontId="1"/>
  </si>
  <si>
    <r>
      <rPr>
        <b/>
        <u/>
        <sz val="14"/>
        <color theme="1"/>
        <rFont val="HGP教科書体"/>
        <family val="1"/>
        <charset val="128"/>
      </rPr>
      <t>ニュウジョウケン</t>
    </r>
    <r>
      <rPr>
        <sz val="14"/>
        <color theme="1"/>
        <rFont val="HGP教科書体"/>
        <family val="1"/>
        <charset val="128"/>
      </rPr>
      <t>を買う。</t>
    </r>
    <rPh sb="9" eb="10">
      <t>カ</t>
    </rPh>
    <phoneticPr fontId="1"/>
  </si>
  <si>
    <r>
      <rPr>
        <b/>
        <u/>
        <sz val="14"/>
        <color theme="1"/>
        <rFont val="HGP教科書体"/>
        <family val="1"/>
        <charset val="128"/>
      </rPr>
      <t>オン</t>
    </r>
    <r>
      <rPr>
        <sz val="14"/>
        <color theme="1"/>
        <rFont val="HGP教科書体"/>
        <family val="1"/>
        <charset val="128"/>
      </rPr>
      <t>をあだで返す。</t>
    </r>
    <rPh sb="6" eb="7">
      <t>カエ</t>
    </rPh>
    <phoneticPr fontId="1"/>
  </si>
  <si>
    <r>
      <rPr>
        <b/>
        <u/>
        <sz val="14"/>
        <color theme="1"/>
        <rFont val="HGP教科書体"/>
        <family val="1"/>
        <charset val="128"/>
      </rPr>
      <t>入場券</t>
    </r>
    <r>
      <rPr>
        <sz val="14"/>
        <color theme="1"/>
        <rFont val="HGP教科書体"/>
        <family val="1"/>
        <charset val="128"/>
      </rPr>
      <t>を買う。</t>
    </r>
    <rPh sb="0" eb="3">
      <t>ニュウジョウケン</t>
    </rPh>
    <rPh sb="4" eb="5">
      <t>カ</t>
    </rPh>
    <phoneticPr fontId="1"/>
  </si>
  <si>
    <r>
      <rPr>
        <b/>
        <u/>
        <sz val="14"/>
        <color theme="1"/>
        <rFont val="HGP教科書体"/>
        <family val="1"/>
        <charset val="128"/>
      </rPr>
      <t>恩</t>
    </r>
    <r>
      <rPr>
        <sz val="14"/>
        <color theme="1"/>
        <rFont val="HGP教科書体"/>
        <family val="1"/>
        <charset val="128"/>
      </rPr>
      <t>をあだで返す。</t>
    </r>
    <rPh sb="0" eb="1">
      <t>オン</t>
    </rPh>
    <rPh sb="5" eb="6">
      <t>カエ</t>
    </rPh>
    <phoneticPr fontId="1"/>
  </si>
  <si>
    <r>
      <t>図形を</t>
    </r>
    <r>
      <rPr>
        <b/>
        <u/>
        <sz val="14"/>
        <color theme="1"/>
        <rFont val="HGP教科書体"/>
        <family val="1"/>
        <charset val="128"/>
      </rPr>
      <t>シュクショウ</t>
    </r>
    <r>
      <rPr>
        <sz val="14"/>
        <color theme="1"/>
        <rFont val="HGP教科書体"/>
        <family val="1"/>
        <charset val="128"/>
      </rPr>
      <t>する。</t>
    </r>
    <phoneticPr fontId="1"/>
  </si>
  <si>
    <r>
      <t>図形を</t>
    </r>
    <r>
      <rPr>
        <b/>
        <u/>
        <sz val="14"/>
        <color theme="1"/>
        <rFont val="HGP教科書体"/>
        <family val="1"/>
        <charset val="128"/>
      </rPr>
      <t>縮小</t>
    </r>
    <r>
      <rPr>
        <sz val="14"/>
        <color theme="1"/>
        <rFont val="HGP教科書体"/>
        <family val="1"/>
        <charset val="128"/>
      </rPr>
      <t>する。</t>
    </r>
    <rPh sb="0" eb="2">
      <t>ズケイ</t>
    </rPh>
    <rPh sb="3" eb="5">
      <t>シュクショウ</t>
    </rPh>
    <phoneticPr fontId="1"/>
  </si>
  <si>
    <r>
      <rPr>
        <b/>
        <u/>
        <sz val="14"/>
        <color theme="1"/>
        <rFont val="HGP教科書体"/>
        <family val="1"/>
        <charset val="128"/>
      </rPr>
      <t>イチョウ</t>
    </r>
    <r>
      <rPr>
        <sz val="14"/>
        <color theme="1"/>
        <rFont val="HGP教科書体"/>
        <family val="1"/>
        <charset val="128"/>
      </rPr>
      <t>の検査をする。</t>
    </r>
    <rPh sb="5" eb="7">
      <t>ケンサ</t>
    </rPh>
    <phoneticPr fontId="1"/>
  </si>
  <si>
    <r>
      <rPr>
        <b/>
        <u/>
        <sz val="14"/>
        <color theme="1"/>
        <rFont val="HGP教科書体"/>
        <family val="1"/>
        <charset val="128"/>
      </rPr>
      <t>胃腸</t>
    </r>
    <r>
      <rPr>
        <sz val="14"/>
        <color theme="1"/>
        <rFont val="HGP教科書体"/>
        <family val="1"/>
        <charset val="128"/>
      </rPr>
      <t>の検査をする。</t>
    </r>
    <rPh sb="0" eb="2">
      <t>イチョウ</t>
    </rPh>
    <rPh sb="3" eb="5">
      <t>ケンサ</t>
    </rPh>
    <phoneticPr fontId="1"/>
  </si>
  <si>
    <r>
      <rPr>
        <b/>
        <u/>
        <sz val="14"/>
        <color theme="1"/>
        <rFont val="HGP教科書体"/>
        <family val="1"/>
        <charset val="128"/>
      </rPr>
      <t>ガイテキ</t>
    </r>
    <r>
      <rPr>
        <sz val="14"/>
        <color theme="1"/>
        <rFont val="HGP教科書体"/>
        <family val="1"/>
        <charset val="128"/>
      </rPr>
      <t>から身を守る。</t>
    </r>
    <phoneticPr fontId="10"/>
  </si>
  <si>
    <r>
      <rPr>
        <b/>
        <u/>
        <sz val="14"/>
        <color theme="1"/>
        <rFont val="HGP教科書体"/>
        <family val="1"/>
        <charset val="128"/>
      </rPr>
      <t>外敵</t>
    </r>
    <r>
      <rPr>
        <sz val="14"/>
        <color theme="1"/>
        <rFont val="HGP教科書体"/>
        <family val="1"/>
        <charset val="128"/>
      </rPr>
      <t>から身を守る。</t>
    </r>
    <rPh sb="0" eb="1">
      <t>ソト</t>
    </rPh>
    <rPh sb="1" eb="2">
      <t>テキ</t>
    </rPh>
    <rPh sb="4" eb="5">
      <t>ミ</t>
    </rPh>
    <rPh sb="6" eb="7">
      <t>マモ</t>
    </rPh>
    <phoneticPr fontId="1"/>
  </si>
  <si>
    <r>
      <t>演技の上手さに</t>
    </r>
    <r>
      <rPr>
        <b/>
        <u/>
        <sz val="14"/>
        <color theme="1"/>
        <rFont val="HGP教科書体"/>
        <family val="1"/>
        <charset val="128"/>
      </rPr>
      <t>シタ</t>
    </r>
    <r>
      <rPr>
        <sz val="14"/>
        <color theme="1"/>
        <rFont val="HGP教科書体"/>
        <family val="1"/>
        <charset val="128"/>
      </rPr>
      <t>をまく。</t>
    </r>
    <phoneticPr fontId="1"/>
  </si>
  <si>
    <r>
      <rPr>
        <sz val="14"/>
        <color theme="1"/>
        <rFont val="HGP教科書体"/>
        <family val="1"/>
        <charset val="128"/>
      </rPr>
      <t>演技の上手さに</t>
    </r>
    <r>
      <rPr>
        <b/>
        <u/>
        <sz val="14"/>
        <color theme="1"/>
        <rFont val="HGP教科書体"/>
        <family val="1"/>
        <charset val="128"/>
      </rPr>
      <t>舌</t>
    </r>
    <r>
      <rPr>
        <sz val="14"/>
        <color theme="1"/>
        <rFont val="HGP教科書体"/>
        <family val="1"/>
        <charset val="128"/>
      </rPr>
      <t>をまく。</t>
    </r>
    <rPh sb="0" eb="2">
      <t>エンギ</t>
    </rPh>
    <rPh sb="3" eb="5">
      <t>ウマ</t>
    </rPh>
    <rPh sb="7" eb="8">
      <t>シタ</t>
    </rPh>
    <phoneticPr fontId="1"/>
  </si>
  <si>
    <r>
      <t>いくつかの</t>
    </r>
    <r>
      <rPr>
        <b/>
        <u/>
        <sz val="14"/>
        <color indexed="8"/>
        <rFont val="HGP教科書体"/>
        <family val="1"/>
        <charset val="128"/>
      </rPr>
      <t>ギモン</t>
    </r>
    <r>
      <rPr>
        <sz val="14"/>
        <color indexed="8"/>
        <rFont val="HGP教科書体"/>
        <family val="1"/>
        <charset val="128"/>
      </rPr>
      <t>が残る。</t>
    </r>
    <rPh sb="9" eb="10">
      <t>ノコ</t>
    </rPh>
    <phoneticPr fontId="1"/>
  </si>
  <si>
    <r>
      <t>不安を取り</t>
    </r>
    <r>
      <rPr>
        <b/>
        <u/>
        <sz val="14"/>
        <color indexed="8"/>
        <rFont val="HGP教科書体"/>
        <family val="1"/>
        <charset val="128"/>
      </rPr>
      <t>除</t>
    </r>
    <r>
      <rPr>
        <sz val="14"/>
        <color indexed="8"/>
        <rFont val="HGP教科書体"/>
        <family val="1"/>
        <charset val="128"/>
      </rPr>
      <t>く。</t>
    </r>
    <rPh sb="0" eb="2">
      <t>フアン</t>
    </rPh>
    <rPh sb="3" eb="4">
      <t>ト</t>
    </rPh>
    <rPh sb="5" eb="6">
      <t>ノゾ</t>
    </rPh>
    <phoneticPr fontId="1"/>
  </si>
  <si>
    <r>
      <t>いくつかの</t>
    </r>
    <r>
      <rPr>
        <b/>
        <u/>
        <sz val="14"/>
        <color rgb="FF000000"/>
        <rFont val="HGP教科書体"/>
        <family val="1"/>
        <charset val="128"/>
      </rPr>
      <t>ギモン</t>
    </r>
    <r>
      <rPr>
        <sz val="14"/>
        <color rgb="FF000000"/>
        <rFont val="HGP教科書体"/>
        <family val="1"/>
        <charset val="128"/>
      </rPr>
      <t>が残る。</t>
    </r>
    <phoneticPr fontId="10"/>
  </si>
  <si>
    <r>
      <t>不安を取り</t>
    </r>
    <r>
      <rPr>
        <b/>
        <u/>
        <sz val="14"/>
        <color rgb="FF000000"/>
        <rFont val="HGP教科書体"/>
        <family val="1"/>
        <charset val="128"/>
      </rPr>
      <t>除</t>
    </r>
    <r>
      <rPr>
        <sz val="14"/>
        <color rgb="FF000000"/>
        <rFont val="HGP教科書体"/>
        <family val="1"/>
        <charset val="128"/>
      </rPr>
      <t>く。</t>
    </r>
    <phoneticPr fontId="6"/>
  </si>
  <si>
    <r>
      <t>学級会で</t>
    </r>
    <r>
      <rPr>
        <b/>
        <u/>
        <sz val="14"/>
        <color theme="1"/>
        <rFont val="HGP教科書体"/>
        <family val="1"/>
        <charset val="128"/>
      </rPr>
      <t>トウロン</t>
    </r>
    <r>
      <rPr>
        <sz val="14"/>
        <color theme="1"/>
        <rFont val="HGP教科書体"/>
        <family val="1"/>
        <charset val="128"/>
      </rPr>
      <t>する。</t>
    </r>
    <rPh sb="0" eb="2">
      <t>ガッキュウ</t>
    </rPh>
    <rPh sb="2" eb="3">
      <t>カイ</t>
    </rPh>
    <phoneticPr fontId="1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7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14"/>
      <color indexed="8"/>
      <name val="HGP教科書体"/>
      <family val="1"/>
      <charset val="128"/>
    </font>
    <font>
      <b/>
      <u/>
      <sz val="14"/>
      <color indexed="8"/>
      <name val="HGP教科書体"/>
      <family val="1"/>
      <charset val="128"/>
    </font>
    <font>
      <sz val="6"/>
      <name val="ＭＳ Ｐゴシック"/>
      <family val="3"/>
      <charset val="128"/>
    </font>
    <font>
      <sz val="16"/>
      <color theme="1"/>
      <name val="HGP教科書体"/>
      <family val="1"/>
      <charset val="128"/>
    </font>
    <font>
      <sz val="11"/>
      <color theme="1"/>
      <name val="HGP教科書体"/>
      <family val="1"/>
      <charset val="128"/>
    </font>
    <font>
      <sz val="14"/>
      <color theme="1"/>
      <name val="HGP教科書体"/>
      <family val="1"/>
      <charset val="128"/>
    </font>
    <font>
      <sz val="6"/>
      <name val="ＭＳ Ｐゴシック"/>
      <family val="3"/>
      <charset val="128"/>
      <scheme val="minor"/>
    </font>
    <font>
      <b/>
      <u/>
      <sz val="14"/>
      <color theme="1"/>
      <name val="HGP教科書体"/>
      <family val="1"/>
      <charset val="128"/>
    </font>
    <font>
      <b/>
      <sz val="14"/>
      <color indexed="8"/>
      <name val="HGP教科書体"/>
      <family val="1"/>
      <charset val="128"/>
    </font>
    <font>
      <sz val="14"/>
      <color rgb="FF000000"/>
      <name val="HGP教科書体"/>
      <family val="1"/>
      <charset val="128"/>
    </font>
    <font>
      <b/>
      <u/>
      <sz val="14"/>
      <color rgb="FF000000"/>
      <name val="HGP教科書体"/>
      <family val="1"/>
      <charset val="128"/>
    </font>
    <font>
      <b/>
      <sz val="14"/>
      <color rgb="FF000000"/>
      <name val="HGP教科書体"/>
      <family val="1"/>
      <charset val="128"/>
    </font>
    <font>
      <u/>
      <sz val="14"/>
      <color theme="1"/>
      <name val="HGP教科書体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theme="1" tint="0.499984740745262"/>
      </left>
      <right style="thin">
        <color theme="1" tint="0.499984740745262"/>
      </right>
      <top style="thin">
        <color theme="1" tint="0.499984740745262"/>
      </top>
      <bottom/>
      <diagonal/>
    </border>
    <border>
      <left style="thin">
        <color theme="1" tint="0.499984740745262"/>
      </left>
      <right style="thin">
        <color theme="1" tint="0.499984740745262"/>
      </right>
      <top/>
      <bottom/>
      <diagonal/>
    </border>
    <border>
      <left style="thin">
        <color theme="1" tint="0.499984740745262"/>
      </left>
      <right style="thin">
        <color theme="1" tint="0.499984740745262"/>
      </right>
      <top/>
      <bottom style="thin">
        <color theme="1" tint="0.499984740745262"/>
      </bottom>
      <diagonal/>
    </border>
    <border>
      <left style="thin">
        <color rgb="FF808080"/>
      </left>
      <right style="thin">
        <color rgb="FF808080"/>
      </right>
      <top/>
      <bottom style="thin">
        <color rgb="FF808080"/>
      </bottom>
      <diagonal/>
    </border>
    <border>
      <left/>
      <right style="thin">
        <color rgb="FF808080"/>
      </right>
      <top/>
      <bottom style="thin">
        <color rgb="FF808080"/>
      </bottom>
      <diagonal/>
    </border>
  </borders>
  <cellStyleXfs count="1">
    <xf numFmtId="0" fontId="0" fillId="0" borderId="0">
      <alignment vertical="center"/>
    </xf>
  </cellStyleXfs>
  <cellXfs count="41">
    <xf numFmtId="0" fontId="0" fillId="0" borderId="0" xfId="0">
      <alignment vertical="center"/>
    </xf>
    <xf numFmtId="0" fontId="7" fillId="0" borderId="1" xfId="0" applyFont="1" applyBorder="1" applyAlignment="1">
      <alignment horizontal="center" vertical="center"/>
    </xf>
    <xf numFmtId="0" fontId="8" fillId="0" borderId="0" xfId="0" applyFont="1">
      <alignment vertical="center"/>
    </xf>
    <xf numFmtId="0" fontId="7" fillId="0" borderId="2" xfId="0" applyFont="1" applyBorder="1" applyAlignment="1">
      <alignment horizontal="center" vertical="center" textRotation="255"/>
    </xf>
    <xf numFmtId="0" fontId="8" fillId="0" borderId="0" xfId="0" applyFont="1" applyAlignment="1">
      <alignment vertical="center"/>
    </xf>
    <xf numFmtId="0" fontId="9" fillId="0" borderId="3" xfId="0" applyFont="1" applyBorder="1" applyAlignment="1">
      <alignment horizontal="center" vertical="top" textRotation="255"/>
    </xf>
    <xf numFmtId="0" fontId="7" fillId="0" borderId="0" xfId="0" applyFont="1" applyAlignment="1">
      <alignment horizontal="center" vertical="center" textRotation="255"/>
    </xf>
    <xf numFmtId="0" fontId="8" fillId="0" borderId="0" xfId="0" applyFont="1" applyAlignment="1">
      <alignment vertical="center" textRotation="255"/>
    </xf>
    <xf numFmtId="0" fontId="7" fillId="0" borderId="1" xfId="0" applyFont="1" applyBorder="1" applyAlignment="1">
      <alignment horizontal="center" vertical="center" shrinkToFit="1"/>
    </xf>
    <xf numFmtId="0" fontId="8" fillId="0" borderId="0" xfId="0" applyFont="1" applyAlignment="1">
      <alignment vertical="center" shrinkToFit="1"/>
    </xf>
    <xf numFmtId="0" fontId="7" fillId="0" borderId="2" xfId="0" applyFont="1" applyBorder="1" applyAlignment="1">
      <alignment horizontal="center" vertical="center" textRotation="255" shrinkToFit="1"/>
    </xf>
    <xf numFmtId="0" fontId="7" fillId="0" borderId="0" xfId="0" applyFont="1" applyAlignment="1">
      <alignment horizontal="center" vertical="center" textRotation="255" shrinkToFit="1"/>
    </xf>
    <xf numFmtId="0" fontId="7" fillId="0" borderId="1" xfId="0" applyFont="1" applyFill="1" applyBorder="1" applyAlignment="1">
      <alignment horizontal="center" vertical="center" shrinkToFit="1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 textRotation="255"/>
    </xf>
    <xf numFmtId="0" fontId="9" fillId="0" borderId="3" xfId="0" applyFont="1" applyFill="1" applyBorder="1" applyAlignment="1">
      <alignment horizontal="center" vertical="top" textRotation="255"/>
    </xf>
    <xf numFmtId="0" fontId="7" fillId="0" borderId="0" xfId="0" applyFont="1" applyFill="1" applyAlignment="1">
      <alignment horizontal="center" vertical="center" textRotation="255"/>
    </xf>
    <xf numFmtId="0" fontId="9" fillId="0" borderId="3" xfId="0" applyFont="1" applyFill="1" applyBorder="1" applyAlignment="1">
      <alignment horizontal="center" vertical="top" textRotation="255" shrinkToFit="1"/>
    </xf>
    <xf numFmtId="0" fontId="4" fillId="0" borderId="3" xfId="0" applyFont="1" applyBorder="1" applyAlignment="1">
      <alignment horizontal="center" vertical="top" textRotation="255"/>
    </xf>
    <xf numFmtId="0" fontId="4" fillId="0" borderId="3" xfId="0" applyFont="1" applyBorder="1" applyAlignment="1">
      <alignment horizontal="center" vertical="top" textRotation="255" shrinkToFit="1"/>
    </xf>
    <xf numFmtId="0" fontId="4" fillId="0" borderId="3" xfId="0" applyFont="1" applyFill="1" applyBorder="1" applyAlignment="1">
      <alignment horizontal="center" vertical="top" textRotation="255" shrinkToFit="1"/>
    </xf>
    <xf numFmtId="0" fontId="4" fillId="0" borderId="3" xfId="0" applyFont="1" applyFill="1" applyBorder="1" applyAlignment="1">
      <alignment horizontal="center" vertical="top" textRotation="255"/>
    </xf>
    <xf numFmtId="0" fontId="7" fillId="0" borderId="2" xfId="0" applyFont="1" applyFill="1" applyBorder="1" applyAlignment="1">
      <alignment horizontal="center" vertical="center" textRotation="255" shrinkToFit="1"/>
    </xf>
    <xf numFmtId="0" fontId="5" fillId="0" borderId="3" xfId="0" applyFont="1" applyFill="1" applyBorder="1" applyAlignment="1">
      <alignment horizontal="center" vertical="top" textRotation="255" shrinkToFit="1"/>
    </xf>
    <xf numFmtId="0" fontId="8" fillId="0" borderId="0" xfId="0" applyFont="1" applyFill="1" applyAlignment="1">
      <alignment vertical="center" textRotation="255"/>
    </xf>
    <xf numFmtId="0" fontId="14" fillId="0" borderId="4" xfId="0" applyFont="1" applyBorder="1" applyAlignment="1">
      <alignment horizontal="center" vertical="top" textRotation="255"/>
    </xf>
    <xf numFmtId="0" fontId="14" fillId="0" borderId="5" xfId="0" applyFont="1" applyBorder="1" applyAlignment="1">
      <alignment horizontal="center" vertical="top" textRotation="255"/>
    </xf>
    <xf numFmtId="0" fontId="13" fillId="0" borderId="5" xfId="0" applyFont="1" applyBorder="1" applyAlignment="1">
      <alignment horizontal="center" vertical="top" textRotation="255"/>
    </xf>
    <xf numFmtId="0" fontId="14" fillId="0" borderId="5" xfId="0" applyFont="1" applyBorder="1" applyAlignment="1">
      <alignment horizontal="center" vertical="top" textRotation="255" shrinkToFit="1"/>
    </xf>
    <xf numFmtId="0" fontId="13" fillId="0" borderId="5" xfId="0" applyFont="1" applyBorder="1" applyAlignment="1">
      <alignment horizontal="center" vertical="top" textRotation="255" shrinkToFit="1"/>
    </xf>
    <xf numFmtId="0" fontId="13" fillId="0" borderId="4" xfId="0" applyFont="1" applyBorder="1" applyAlignment="1">
      <alignment horizontal="center" vertical="top" textRotation="255" shrinkToFit="1"/>
    </xf>
    <xf numFmtId="0" fontId="13" fillId="0" borderId="4" xfId="0" applyFont="1" applyBorder="1" applyAlignment="1">
      <alignment horizontal="center" vertical="top" textRotation="255"/>
    </xf>
    <xf numFmtId="0" fontId="11" fillId="0" borderId="5" xfId="0" applyFont="1" applyBorder="1" applyAlignment="1">
      <alignment horizontal="center" vertical="top" textRotation="255"/>
    </xf>
    <xf numFmtId="0" fontId="9" fillId="0" borderId="5" xfId="0" applyFont="1" applyBorder="1" applyAlignment="1">
      <alignment horizontal="center" vertical="top" textRotation="255"/>
    </xf>
    <xf numFmtId="0" fontId="9" fillId="0" borderId="4" xfId="0" applyFont="1" applyBorder="1" applyAlignment="1">
      <alignment horizontal="center" vertical="top" textRotation="255"/>
    </xf>
    <xf numFmtId="0" fontId="11" fillId="0" borderId="4" xfId="0" applyFont="1" applyBorder="1" applyAlignment="1">
      <alignment horizontal="center" vertical="top" textRotation="255"/>
    </xf>
    <xf numFmtId="0" fontId="11" fillId="0" borderId="5" xfId="0" applyFont="1" applyBorder="1" applyAlignment="1">
      <alignment horizontal="center" vertical="top" textRotation="255" shrinkToFit="1"/>
    </xf>
    <xf numFmtId="0" fontId="9" fillId="0" borderId="5" xfId="0" applyFont="1" applyBorder="1" applyAlignment="1">
      <alignment horizontal="center" vertical="top" textRotation="255" shrinkToFit="1"/>
    </xf>
    <xf numFmtId="0" fontId="9" fillId="0" borderId="4" xfId="0" applyFont="1" applyBorder="1" applyAlignment="1">
      <alignment horizontal="center" vertical="top" textRotation="255" shrinkToFit="1"/>
    </xf>
    <xf numFmtId="0" fontId="11" fillId="0" borderId="4" xfId="0" applyFont="1" applyBorder="1" applyAlignment="1">
      <alignment horizontal="center" vertical="top" textRotation="255" shrinkToFit="1"/>
    </xf>
    <xf numFmtId="0" fontId="16" fillId="0" borderId="3" xfId="0" applyFont="1" applyFill="1" applyBorder="1" applyAlignment="1">
      <alignment horizontal="center" vertical="top" textRotation="255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Y50"/>
  <sheetViews>
    <sheetView showGridLines="0" showRowColHeaders="0" tabSelected="1" showRuler="0" view="pageLayout" topLeftCell="A16" zoomScale="90" zoomScaleNormal="100" zoomScalePageLayoutView="90" workbookViewId="0">
      <selection activeCell="I17" sqref="I17"/>
    </sheetView>
  </sheetViews>
  <sheetFormatPr defaultColWidth="8.875" defaultRowHeight="13.5" x14ac:dyDescent="0.15"/>
  <cols>
    <col min="1" max="25" width="5.625" style="2" customWidth="1"/>
    <col min="26" max="16384" width="8.875" style="2"/>
  </cols>
  <sheetData>
    <row r="1" spans="1:25" ht="21" customHeight="1" x14ac:dyDescent="0.15">
      <c r="A1" s="1">
        <v>25</v>
      </c>
      <c r="B1" s="1">
        <v>24</v>
      </c>
      <c r="C1" s="1">
        <v>23</v>
      </c>
      <c r="D1" s="1">
        <v>22</v>
      </c>
      <c r="E1" s="1">
        <v>21</v>
      </c>
      <c r="F1" s="1">
        <v>20</v>
      </c>
      <c r="G1" s="1">
        <v>19</v>
      </c>
      <c r="H1" s="1">
        <v>18</v>
      </c>
      <c r="I1" s="1">
        <v>17</v>
      </c>
      <c r="J1" s="1">
        <v>16</v>
      </c>
      <c r="K1" s="1">
        <v>15</v>
      </c>
      <c r="L1" s="1">
        <v>14</v>
      </c>
      <c r="M1" s="1">
        <v>13</v>
      </c>
      <c r="N1" s="1">
        <v>12</v>
      </c>
      <c r="O1" s="1">
        <v>11</v>
      </c>
      <c r="P1" s="1">
        <v>10</v>
      </c>
      <c r="Q1" s="1">
        <v>9</v>
      </c>
      <c r="R1" s="1">
        <v>8</v>
      </c>
      <c r="S1" s="1">
        <v>7</v>
      </c>
      <c r="T1" s="1">
        <v>6</v>
      </c>
      <c r="U1" s="1">
        <v>5</v>
      </c>
      <c r="V1" s="1">
        <v>4</v>
      </c>
      <c r="W1" s="1">
        <v>3</v>
      </c>
      <c r="X1" s="1">
        <v>2</v>
      </c>
      <c r="Y1" s="1">
        <v>1</v>
      </c>
    </row>
    <row r="2" spans="1:25" s="4" customFormat="1" ht="9.75" customHeight="1" x14ac:dyDescent="0.15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</row>
    <row r="3" spans="1:25" ht="240.95" customHeight="1" x14ac:dyDescent="0.15">
      <c r="A3" s="25" t="s">
        <v>540</v>
      </c>
      <c r="B3" s="26" t="s">
        <v>541</v>
      </c>
      <c r="C3" s="27" t="s">
        <v>542</v>
      </c>
      <c r="D3" s="26" t="s">
        <v>543</v>
      </c>
      <c r="E3" s="27" t="s">
        <v>544</v>
      </c>
      <c r="F3" s="26" t="s">
        <v>545</v>
      </c>
      <c r="G3" s="26" t="s">
        <v>546</v>
      </c>
      <c r="H3" s="26" t="s">
        <v>547</v>
      </c>
      <c r="I3" s="27" t="s">
        <v>548</v>
      </c>
      <c r="J3" s="26" t="s">
        <v>549</v>
      </c>
      <c r="K3" s="26" t="s">
        <v>550</v>
      </c>
      <c r="L3" s="27" t="s">
        <v>551</v>
      </c>
      <c r="M3" s="27" t="s">
        <v>552</v>
      </c>
      <c r="N3" s="33" t="s">
        <v>721</v>
      </c>
      <c r="O3" s="32" t="s">
        <v>720</v>
      </c>
      <c r="P3" s="27" t="s">
        <v>553</v>
      </c>
      <c r="Q3" s="26" t="s">
        <v>554</v>
      </c>
      <c r="R3" s="26" t="s">
        <v>555</v>
      </c>
      <c r="S3" s="27" t="s">
        <v>556</v>
      </c>
      <c r="T3" s="27" t="s">
        <v>557</v>
      </c>
      <c r="U3" s="27" t="s">
        <v>558</v>
      </c>
      <c r="V3" s="26" t="s">
        <v>559</v>
      </c>
      <c r="W3" s="26" t="s">
        <v>560</v>
      </c>
      <c r="X3" s="27" t="s">
        <v>561</v>
      </c>
      <c r="Y3" s="26" t="s">
        <v>562</v>
      </c>
    </row>
    <row r="4" spans="1:25" x14ac:dyDescent="0.15">
      <c r="A4" s="6"/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</row>
    <row r="5" spans="1:25" ht="21.2" customHeight="1" x14ac:dyDescent="0.15">
      <c r="A5" s="1">
        <v>50</v>
      </c>
      <c r="B5" s="1">
        <v>49</v>
      </c>
      <c r="C5" s="1">
        <v>48</v>
      </c>
      <c r="D5" s="1">
        <v>47</v>
      </c>
      <c r="E5" s="1">
        <v>46</v>
      </c>
      <c r="F5" s="1">
        <v>45</v>
      </c>
      <c r="G5" s="1">
        <v>44</v>
      </c>
      <c r="H5" s="1">
        <v>43</v>
      </c>
      <c r="I5" s="1">
        <v>42</v>
      </c>
      <c r="J5" s="1">
        <v>41</v>
      </c>
      <c r="K5" s="1">
        <v>40</v>
      </c>
      <c r="L5" s="1">
        <v>39</v>
      </c>
      <c r="M5" s="1">
        <v>38</v>
      </c>
      <c r="N5" s="1">
        <v>37</v>
      </c>
      <c r="O5" s="1">
        <v>36</v>
      </c>
      <c r="P5" s="1">
        <v>35</v>
      </c>
      <c r="Q5" s="1">
        <v>34</v>
      </c>
      <c r="R5" s="1">
        <v>33</v>
      </c>
      <c r="S5" s="1">
        <v>32</v>
      </c>
      <c r="T5" s="1">
        <v>31</v>
      </c>
      <c r="U5" s="1">
        <v>30</v>
      </c>
      <c r="V5" s="1">
        <v>29</v>
      </c>
      <c r="W5" s="1">
        <v>28</v>
      </c>
      <c r="X5" s="1">
        <v>27</v>
      </c>
      <c r="Y5" s="1">
        <v>26</v>
      </c>
    </row>
    <row r="6" spans="1:25" ht="10.5" customHeight="1" x14ac:dyDescent="0.15">
      <c r="A6" s="3"/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</row>
    <row r="7" spans="1:25" ht="240.95" customHeight="1" x14ac:dyDescent="0.15">
      <c r="A7" s="34" t="s">
        <v>723</v>
      </c>
      <c r="B7" s="27" t="s">
        <v>563</v>
      </c>
      <c r="C7" s="27" t="s">
        <v>564</v>
      </c>
      <c r="D7" s="26" t="s">
        <v>565</v>
      </c>
      <c r="E7" s="26" t="s">
        <v>566</v>
      </c>
      <c r="F7" s="26" t="s">
        <v>567</v>
      </c>
      <c r="G7" s="27" t="s">
        <v>568</v>
      </c>
      <c r="H7" s="26" t="s">
        <v>569</v>
      </c>
      <c r="I7" s="27" t="s">
        <v>570</v>
      </c>
      <c r="J7" s="27" t="s">
        <v>571</v>
      </c>
      <c r="K7" s="26" t="s">
        <v>572</v>
      </c>
      <c r="L7" s="27" t="s">
        <v>573</v>
      </c>
      <c r="M7" s="26" t="s">
        <v>574</v>
      </c>
      <c r="N7" s="27" t="s">
        <v>575</v>
      </c>
      <c r="O7" s="27" t="s">
        <v>576</v>
      </c>
      <c r="P7" s="27" t="s">
        <v>577</v>
      </c>
      <c r="Q7" s="26" t="s">
        <v>578</v>
      </c>
      <c r="R7" s="27" t="s">
        <v>579</v>
      </c>
      <c r="S7" s="26" t="s">
        <v>580</v>
      </c>
      <c r="T7" s="27" t="s">
        <v>581</v>
      </c>
      <c r="U7" s="27" t="s">
        <v>582</v>
      </c>
      <c r="V7" s="27" t="s">
        <v>583</v>
      </c>
      <c r="W7" s="26" t="s">
        <v>584</v>
      </c>
      <c r="X7" s="34" t="s">
        <v>722</v>
      </c>
      <c r="Y7" s="27" t="s">
        <v>585</v>
      </c>
    </row>
    <row r="8" spans="1:25" ht="21.2" customHeight="1" x14ac:dyDescent="0.15">
      <c r="A8" s="1">
        <v>75</v>
      </c>
      <c r="B8" s="1">
        <v>74</v>
      </c>
      <c r="C8" s="1">
        <v>73</v>
      </c>
      <c r="D8" s="1">
        <v>72</v>
      </c>
      <c r="E8" s="1">
        <v>71</v>
      </c>
      <c r="F8" s="1">
        <v>70</v>
      </c>
      <c r="G8" s="1">
        <v>69</v>
      </c>
      <c r="H8" s="1">
        <v>68</v>
      </c>
      <c r="I8" s="1">
        <v>67</v>
      </c>
      <c r="J8" s="1">
        <v>66</v>
      </c>
      <c r="K8" s="1">
        <v>65</v>
      </c>
      <c r="L8" s="1">
        <v>64</v>
      </c>
      <c r="M8" s="1">
        <v>63</v>
      </c>
      <c r="N8" s="1">
        <v>62</v>
      </c>
      <c r="O8" s="1">
        <v>61</v>
      </c>
      <c r="P8" s="1">
        <v>60</v>
      </c>
      <c r="Q8" s="1">
        <v>59</v>
      </c>
      <c r="R8" s="1">
        <v>58</v>
      </c>
      <c r="S8" s="1">
        <v>57</v>
      </c>
      <c r="T8" s="1">
        <v>56</v>
      </c>
      <c r="U8" s="1">
        <v>55</v>
      </c>
      <c r="V8" s="1">
        <v>54</v>
      </c>
      <c r="W8" s="1">
        <v>53</v>
      </c>
      <c r="X8" s="1">
        <v>52</v>
      </c>
      <c r="Y8" s="1">
        <v>51</v>
      </c>
    </row>
    <row r="9" spans="1:25" s="4" customFormat="1" ht="9.75" customHeight="1" x14ac:dyDescent="0.15">
      <c r="A9" s="3"/>
      <c r="B9" s="3"/>
      <c r="C9" s="3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</row>
    <row r="10" spans="1:25" ht="240.95" customHeight="1" x14ac:dyDescent="0.15">
      <c r="A10" s="34" t="s">
        <v>727</v>
      </c>
      <c r="B10" s="27" t="s">
        <v>586</v>
      </c>
      <c r="C10" s="27" t="s">
        <v>587</v>
      </c>
      <c r="D10" s="33" t="s">
        <v>726</v>
      </c>
      <c r="E10" s="27" t="s">
        <v>588</v>
      </c>
      <c r="F10" s="26" t="s">
        <v>589</v>
      </c>
      <c r="G10" s="27" t="s">
        <v>590</v>
      </c>
      <c r="H10" s="26" t="s">
        <v>591</v>
      </c>
      <c r="I10" s="27" t="s">
        <v>592</v>
      </c>
      <c r="J10" s="33" t="s">
        <v>725</v>
      </c>
      <c r="K10" s="27" t="s">
        <v>593</v>
      </c>
      <c r="L10" s="26" t="s">
        <v>594</v>
      </c>
      <c r="M10" s="26" t="s">
        <v>595</v>
      </c>
      <c r="N10" s="27" t="s">
        <v>596</v>
      </c>
      <c r="O10" s="27" t="s">
        <v>597</v>
      </c>
      <c r="P10" s="27" t="s">
        <v>598</v>
      </c>
      <c r="Q10" s="27" t="s">
        <v>599</v>
      </c>
      <c r="R10" s="27" t="s">
        <v>600</v>
      </c>
      <c r="S10" s="27" t="s">
        <v>601</v>
      </c>
      <c r="T10" s="27" t="s">
        <v>602</v>
      </c>
      <c r="U10" s="27" t="s">
        <v>603</v>
      </c>
      <c r="V10" s="32" t="s">
        <v>724</v>
      </c>
      <c r="W10" s="27" t="s">
        <v>604</v>
      </c>
      <c r="X10" s="27" t="s">
        <v>605</v>
      </c>
      <c r="Y10" s="27" t="s">
        <v>606</v>
      </c>
    </row>
    <row r="11" spans="1:25" x14ac:dyDescent="0.15">
      <c r="A11" s="6"/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  <c r="X11" s="6"/>
      <c r="Y11" s="6"/>
    </row>
    <row r="12" spans="1:25" ht="21.2" customHeight="1" x14ac:dyDescent="0.15">
      <c r="A12" s="1">
        <v>100</v>
      </c>
      <c r="B12" s="1">
        <v>99</v>
      </c>
      <c r="C12" s="1">
        <v>98</v>
      </c>
      <c r="D12" s="1">
        <v>97</v>
      </c>
      <c r="E12" s="1">
        <v>96</v>
      </c>
      <c r="F12" s="1">
        <v>95</v>
      </c>
      <c r="G12" s="1">
        <v>94</v>
      </c>
      <c r="H12" s="1">
        <v>93</v>
      </c>
      <c r="I12" s="1">
        <v>92</v>
      </c>
      <c r="J12" s="1">
        <v>91</v>
      </c>
      <c r="K12" s="1">
        <v>90</v>
      </c>
      <c r="L12" s="1">
        <v>89</v>
      </c>
      <c r="M12" s="1">
        <v>88</v>
      </c>
      <c r="N12" s="1">
        <v>87</v>
      </c>
      <c r="O12" s="1">
        <v>86</v>
      </c>
      <c r="P12" s="1">
        <v>85</v>
      </c>
      <c r="Q12" s="1">
        <v>84</v>
      </c>
      <c r="R12" s="1">
        <v>83</v>
      </c>
      <c r="S12" s="1">
        <v>82</v>
      </c>
      <c r="T12" s="1">
        <v>81</v>
      </c>
      <c r="U12" s="1">
        <v>80</v>
      </c>
      <c r="V12" s="1">
        <v>79</v>
      </c>
      <c r="W12" s="1">
        <v>78</v>
      </c>
      <c r="X12" s="1">
        <v>77</v>
      </c>
      <c r="Y12" s="1">
        <v>76</v>
      </c>
    </row>
    <row r="13" spans="1:25" ht="10.5" customHeight="1" x14ac:dyDescent="0.15">
      <c r="A13" s="3"/>
      <c r="B13" s="3"/>
      <c r="C13" s="3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</row>
    <row r="14" spans="1:25" ht="240.95" customHeight="1" x14ac:dyDescent="0.15">
      <c r="A14" s="35" t="s">
        <v>732</v>
      </c>
      <c r="B14" s="26" t="s">
        <v>607</v>
      </c>
      <c r="C14" s="27" t="s">
        <v>608</v>
      </c>
      <c r="D14" s="26" t="s">
        <v>609</v>
      </c>
      <c r="E14" s="27" t="s">
        <v>610</v>
      </c>
      <c r="F14" s="33" t="s">
        <v>731</v>
      </c>
      <c r="G14" s="26" t="s">
        <v>611</v>
      </c>
      <c r="H14" s="27" t="s">
        <v>612</v>
      </c>
      <c r="I14" s="32" t="s">
        <v>730</v>
      </c>
      <c r="J14" s="27" t="s">
        <v>613</v>
      </c>
      <c r="K14" s="27" t="s">
        <v>614</v>
      </c>
      <c r="L14" s="27" t="s">
        <v>615</v>
      </c>
      <c r="M14" s="27" t="s">
        <v>616</v>
      </c>
      <c r="N14" s="27" t="s">
        <v>617</v>
      </c>
      <c r="O14" s="27" t="s">
        <v>618</v>
      </c>
      <c r="P14" s="26" t="s">
        <v>619</v>
      </c>
      <c r="Q14" s="26" t="s">
        <v>620</v>
      </c>
      <c r="R14" s="26" t="s">
        <v>621</v>
      </c>
      <c r="S14" s="27" t="s">
        <v>622</v>
      </c>
      <c r="T14" s="32" t="s">
        <v>729</v>
      </c>
      <c r="U14" s="27" t="s">
        <v>623</v>
      </c>
      <c r="V14" s="27" t="s">
        <v>624</v>
      </c>
      <c r="W14" s="27" t="s">
        <v>625</v>
      </c>
      <c r="X14" s="33" t="s">
        <v>728</v>
      </c>
      <c r="Y14" s="26" t="s">
        <v>626</v>
      </c>
    </row>
    <row r="15" spans="1:25" ht="21" customHeight="1" x14ac:dyDescent="0.15">
      <c r="A15" s="13">
        <v>125</v>
      </c>
      <c r="B15" s="13">
        <v>124</v>
      </c>
      <c r="C15" s="13">
        <v>123</v>
      </c>
      <c r="D15" s="13">
        <v>122</v>
      </c>
      <c r="E15" s="13">
        <v>121</v>
      </c>
      <c r="F15" s="13">
        <v>120</v>
      </c>
      <c r="G15" s="13">
        <v>119</v>
      </c>
      <c r="H15" s="13">
        <v>118</v>
      </c>
      <c r="I15" s="13">
        <v>117</v>
      </c>
      <c r="J15" s="13">
        <v>116</v>
      </c>
      <c r="K15" s="13">
        <v>115</v>
      </c>
      <c r="L15" s="13">
        <v>114</v>
      </c>
      <c r="M15" s="13">
        <v>113</v>
      </c>
      <c r="N15" s="13">
        <v>112</v>
      </c>
      <c r="O15" s="13">
        <v>111</v>
      </c>
      <c r="P15" s="13">
        <v>110</v>
      </c>
      <c r="Q15" s="13">
        <v>109</v>
      </c>
      <c r="R15" s="13">
        <v>108</v>
      </c>
      <c r="S15" s="13">
        <v>107</v>
      </c>
      <c r="T15" s="1">
        <v>106</v>
      </c>
      <c r="U15" s="1">
        <v>105</v>
      </c>
      <c r="V15" s="1">
        <v>104</v>
      </c>
      <c r="W15" s="1">
        <v>103</v>
      </c>
      <c r="X15" s="1">
        <v>102</v>
      </c>
      <c r="Y15" s="1">
        <v>101</v>
      </c>
    </row>
    <row r="16" spans="1:25" s="4" customFormat="1" ht="9.75" customHeight="1" x14ac:dyDescent="0.15">
      <c r="A16" s="14"/>
      <c r="B16" s="14"/>
      <c r="C16" s="14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3"/>
      <c r="U16" s="3"/>
      <c r="V16" s="3"/>
      <c r="W16" s="3"/>
      <c r="X16" s="3"/>
      <c r="Y16" s="3"/>
    </row>
    <row r="17" spans="1:25" ht="240.95" customHeight="1" x14ac:dyDescent="0.15">
      <c r="A17" s="25" t="s">
        <v>627</v>
      </c>
      <c r="B17" s="27" t="s">
        <v>628</v>
      </c>
      <c r="C17" s="26" t="s">
        <v>629</v>
      </c>
      <c r="D17" s="27" t="s">
        <v>630</v>
      </c>
      <c r="E17" s="32" t="s">
        <v>734</v>
      </c>
      <c r="F17" s="27" t="s">
        <v>631</v>
      </c>
      <c r="G17" s="26" t="s">
        <v>632</v>
      </c>
      <c r="H17" s="32" t="s">
        <v>733</v>
      </c>
      <c r="I17" s="27" t="s">
        <v>798</v>
      </c>
      <c r="J17" s="26" t="s">
        <v>633</v>
      </c>
      <c r="K17" s="26" t="s">
        <v>634</v>
      </c>
      <c r="L17" s="27" t="s">
        <v>635</v>
      </c>
      <c r="M17" s="26" t="s">
        <v>636</v>
      </c>
      <c r="N17" s="27" t="s">
        <v>637</v>
      </c>
      <c r="O17" s="27" t="s">
        <v>638</v>
      </c>
      <c r="P17" s="27" t="s">
        <v>639</v>
      </c>
      <c r="Q17" s="27" t="s">
        <v>640</v>
      </c>
      <c r="R17" s="27" t="s">
        <v>641</v>
      </c>
      <c r="S17" s="26" t="s">
        <v>642</v>
      </c>
      <c r="T17" s="27" t="s">
        <v>643</v>
      </c>
      <c r="U17" s="27" t="s">
        <v>644</v>
      </c>
      <c r="V17" s="27" t="s">
        <v>645</v>
      </c>
      <c r="W17" s="27" t="s">
        <v>646</v>
      </c>
      <c r="X17" s="26" t="s">
        <v>647</v>
      </c>
      <c r="Y17" s="27" t="s">
        <v>648</v>
      </c>
    </row>
    <row r="18" spans="1:25" x14ac:dyDescent="0.15">
      <c r="A18" s="16"/>
      <c r="B18" s="16"/>
      <c r="C18" s="16"/>
      <c r="D18" s="16"/>
      <c r="E18" s="16"/>
      <c r="F18" s="16"/>
      <c r="G18" s="16"/>
      <c r="H18" s="16"/>
      <c r="I18" s="16"/>
      <c r="J18" s="16"/>
      <c r="K18" s="16"/>
      <c r="L18" s="16"/>
      <c r="M18" s="16"/>
      <c r="N18" s="16"/>
      <c r="O18" s="16"/>
      <c r="P18" s="16"/>
      <c r="Q18" s="16"/>
      <c r="R18" s="16"/>
      <c r="S18" s="16"/>
      <c r="T18" s="6"/>
      <c r="U18" s="6"/>
      <c r="V18" s="6"/>
      <c r="W18" s="6"/>
      <c r="X18" s="6"/>
      <c r="Y18" s="6"/>
    </row>
    <row r="19" spans="1:25" ht="21" customHeight="1" x14ac:dyDescent="0.15">
      <c r="A19" s="13">
        <v>150</v>
      </c>
      <c r="B19" s="13">
        <v>149</v>
      </c>
      <c r="C19" s="13">
        <v>148</v>
      </c>
      <c r="D19" s="13">
        <v>147</v>
      </c>
      <c r="E19" s="13">
        <v>146</v>
      </c>
      <c r="F19" s="13">
        <v>145</v>
      </c>
      <c r="G19" s="13">
        <v>144</v>
      </c>
      <c r="H19" s="13">
        <v>143</v>
      </c>
      <c r="I19" s="13">
        <v>142</v>
      </c>
      <c r="J19" s="13">
        <v>141</v>
      </c>
      <c r="K19" s="13">
        <v>140</v>
      </c>
      <c r="L19" s="13">
        <v>139</v>
      </c>
      <c r="M19" s="13">
        <v>138</v>
      </c>
      <c r="N19" s="13">
        <v>137</v>
      </c>
      <c r="O19" s="13">
        <v>136</v>
      </c>
      <c r="P19" s="13">
        <v>135</v>
      </c>
      <c r="Q19" s="13">
        <v>134</v>
      </c>
      <c r="R19" s="13">
        <v>133</v>
      </c>
      <c r="S19" s="13">
        <v>132</v>
      </c>
      <c r="T19" s="1">
        <v>131</v>
      </c>
      <c r="U19" s="1">
        <v>130</v>
      </c>
      <c r="V19" s="1">
        <v>129</v>
      </c>
      <c r="W19" s="1">
        <v>128</v>
      </c>
      <c r="X19" s="1">
        <v>127</v>
      </c>
      <c r="Y19" s="1">
        <v>126</v>
      </c>
    </row>
    <row r="20" spans="1:25" ht="10.5" customHeight="1" x14ac:dyDescent="0.15">
      <c r="A20" s="3"/>
      <c r="B20" s="3"/>
      <c r="C20" s="3"/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</row>
    <row r="21" spans="1:25" ht="240.95" customHeight="1" x14ac:dyDescent="0.15">
      <c r="A21" s="31" t="s">
        <v>649</v>
      </c>
      <c r="B21" s="27" t="s">
        <v>650</v>
      </c>
      <c r="C21" s="26" t="s">
        <v>651</v>
      </c>
      <c r="D21" s="27" t="s">
        <v>652</v>
      </c>
      <c r="E21" s="26" t="s">
        <v>653</v>
      </c>
      <c r="F21" s="27" t="s">
        <v>654</v>
      </c>
      <c r="G21" s="27" t="s">
        <v>655</v>
      </c>
      <c r="H21" s="27" t="s">
        <v>656</v>
      </c>
      <c r="I21" s="26" t="s">
        <v>657</v>
      </c>
      <c r="J21" s="26" t="s">
        <v>658</v>
      </c>
      <c r="K21" s="27" t="s">
        <v>659</v>
      </c>
      <c r="L21" s="27" t="s">
        <v>660</v>
      </c>
      <c r="M21" s="26" t="s">
        <v>661</v>
      </c>
      <c r="N21" s="26" t="s">
        <v>662</v>
      </c>
      <c r="O21" s="27" t="s">
        <v>663</v>
      </c>
      <c r="P21" s="27" t="s">
        <v>664</v>
      </c>
      <c r="Q21" s="33" t="s">
        <v>735</v>
      </c>
      <c r="R21" s="27" t="s">
        <v>665</v>
      </c>
      <c r="S21" s="27" t="s">
        <v>666</v>
      </c>
      <c r="T21" s="27" t="s">
        <v>667</v>
      </c>
      <c r="U21" s="26" t="s">
        <v>668</v>
      </c>
      <c r="V21" s="27" t="s">
        <v>669</v>
      </c>
      <c r="W21" s="27" t="s">
        <v>670</v>
      </c>
      <c r="X21" s="27" t="s">
        <v>671</v>
      </c>
      <c r="Y21" s="26" t="s">
        <v>672</v>
      </c>
    </row>
    <row r="22" spans="1:25" s="9" customFormat="1" ht="21" customHeight="1" x14ac:dyDescent="0.15">
      <c r="A22" s="8">
        <v>175</v>
      </c>
      <c r="B22" s="8">
        <v>174</v>
      </c>
      <c r="C22" s="8">
        <v>173</v>
      </c>
      <c r="D22" s="8">
        <v>172</v>
      </c>
      <c r="E22" s="8">
        <v>171</v>
      </c>
      <c r="F22" s="8">
        <v>170</v>
      </c>
      <c r="G22" s="8">
        <v>169</v>
      </c>
      <c r="H22" s="8">
        <v>168</v>
      </c>
      <c r="I22" s="8">
        <v>167</v>
      </c>
      <c r="J22" s="8">
        <v>166</v>
      </c>
      <c r="K22" s="8">
        <v>165</v>
      </c>
      <c r="L22" s="8">
        <v>164</v>
      </c>
      <c r="M22" s="8">
        <v>163</v>
      </c>
      <c r="N22" s="8">
        <v>162</v>
      </c>
      <c r="O22" s="8">
        <v>161</v>
      </c>
      <c r="P22" s="8">
        <v>160</v>
      </c>
      <c r="Q22" s="8">
        <v>159</v>
      </c>
      <c r="R22" s="8">
        <v>158</v>
      </c>
      <c r="S22" s="8">
        <v>157</v>
      </c>
      <c r="T22" s="8">
        <v>156</v>
      </c>
      <c r="U22" s="8">
        <v>155</v>
      </c>
      <c r="V22" s="8">
        <v>154</v>
      </c>
      <c r="W22" s="8">
        <v>153</v>
      </c>
      <c r="X22" s="8">
        <v>152</v>
      </c>
      <c r="Y22" s="8">
        <v>151</v>
      </c>
    </row>
    <row r="23" spans="1:25" s="9" customFormat="1" ht="9.75" customHeight="1" x14ac:dyDescent="0.15">
      <c r="A23" s="10"/>
      <c r="B23" s="10"/>
      <c r="C23" s="10"/>
      <c r="D23" s="10"/>
      <c r="E23" s="10"/>
      <c r="F23" s="10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</row>
    <row r="24" spans="1:25" s="9" customFormat="1" ht="240.95" customHeight="1" x14ac:dyDescent="0.15">
      <c r="A24" s="30" t="s">
        <v>673</v>
      </c>
      <c r="B24" s="28" t="s">
        <v>674</v>
      </c>
      <c r="C24" s="29" t="s">
        <v>675</v>
      </c>
      <c r="D24" s="29" t="s">
        <v>676</v>
      </c>
      <c r="E24" s="28" t="s">
        <v>677</v>
      </c>
      <c r="F24" s="29" t="s">
        <v>678</v>
      </c>
      <c r="G24" s="36" t="s">
        <v>737</v>
      </c>
      <c r="H24" s="29" t="s">
        <v>679</v>
      </c>
      <c r="I24" s="29" t="s">
        <v>680</v>
      </c>
      <c r="J24" s="29" t="s">
        <v>681</v>
      </c>
      <c r="K24" s="28" t="s">
        <v>682</v>
      </c>
      <c r="L24" s="28" t="s">
        <v>683</v>
      </c>
      <c r="M24" s="28" t="s">
        <v>684</v>
      </c>
      <c r="N24" s="28" t="s">
        <v>685</v>
      </c>
      <c r="O24" s="29" t="s">
        <v>686</v>
      </c>
      <c r="P24" s="29" t="s">
        <v>687</v>
      </c>
      <c r="Q24" s="29" t="s">
        <v>688</v>
      </c>
      <c r="R24" s="28" t="s">
        <v>689</v>
      </c>
      <c r="S24" s="29" t="s">
        <v>690</v>
      </c>
      <c r="T24" s="29" t="s">
        <v>691</v>
      </c>
      <c r="U24" s="28" t="s">
        <v>692</v>
      </c>
      <c r="V24" s="28" t="s">
        <v>693</v>
      </c>
      <c r="W24" s="29" t="s">
        <v>694</v>
      </c>
      <c r="X24" s="36" t="s">
        <v>736</v>
      </c>
      <c r="Y24" s="29" t="s">
        <v>695</v>
      </c>
    </row>
    <row r="25" spans="1:25" s="9" customFormat="1" x14ac:dyDescent="0.15">
      <c r="A25" s="11"/>
      <c r="B25" s="11"/>
      <c r="C25" s="11"/>
      <c r="D25" s="11"/>
      <c r="E25" s="11"/>
      <c r="F25" s="11"/>
      <c r="G25" s="11"/>
      <c r="H25" s="11"/>
      <c r="I25" s="11"/>
      <c r="J25" s="11"/>
      <c r="K25" s="11"/>
      <c r="L25" s="11"/>
      <c r="M25" s="11"/>
      <c r="N25" s="11"/>
      <c r="O25" s="11"/>
      <c r="P25" s="11"/>
      <c r="Q25" s="11"/>
      <c r="R25" s="11"/>
      <c r="S25" s="11"/>
      <c r="T25" s="11"/>
      <c r="U25" s="11"/>
      <c r="V25" s="11"/>
      <c r="W25" s="11"/>
      <c r="X25" s="11"/>
      <c r="Y25" s="11"/>
    </row>
    <row r="26" spans="1:25" s="9" customFormat="1" ht="21" customHeight="1" x14ac:dyDescent="0.15">
      <c r="A26" s="8">
        <v>200</v>
      </c>
      <c r="B26" s="8">
        <v>199</v>
      </c>
      <c r="C26" s="8">
        <v>198</v>
      </c>
      <c r="D26" s="8">
        <v>197</v>
      </c>
      <c r="E26" s="8">
        <v>196</v>
      </c>
      <c r="F26" s="8">
        <v>195</v>
      </c>
      <c r="G26" s="8">
        <v>194</v>
      </c>
      <c r="H26" s="8">
        <v>193</v>
      </c>
      <c r="I26" s="8">
        <v>192</v>
      </c>
      <c r="J26" s="12">
        <v>191</v>
      </c>
      <c r="K26" s="8">
        <v>190</v>
      </c>
      <c r="L26" s="8">
        <v>189</v>
      </c>
      <c r="M26" s="8">
        <v>188</v>
      </c>
      <c r="N26" s="8">
        <v>187</v>
      </c>
      <c r="O26" s="8">
        <v>186</v>
      </c>
      <c r="P26" s="8">
        <v>185</v>
      </c>
      <c r="Q26" s="8">
        <v>184</v>
      </c>
      <c r="R26" s="8">
        <v>183</v>
      </c>
      <c r="S26" s="8">
        <v>182</v>
      </c>
      <c r="T26" s="8">
        <v>181</v>
      </c>
      <c r="U26" s="8">
        <v>180</v>
      </c>
      <c r="V26" s="8">
        <v>179</v>
      </c>
      <c r="W26" s="8">
        <v>178</v>
      </c>
      <c r="X26" s="8">
        <v>177</v>
      </c>
      <c r="Y26" s="8">
        <v>176</v>
      </c>
    </row>
    <row r="27" spans="1:25" s="9" customFormat="1" ht="10.5" customHeight="1" x14ac:dyDescent="0.15">
      <c r="A27" s="10"/>
      <c r="B27" s="10"/>
      <c r="C27" s="10"/>
      <c r="D27" s="10"/>
      <c r="E27" s="10"/>
      <c r="F27" s="10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0"/>
      <c r="Y27" s="10"/>
    </row>
    <row r="28" spans="1:25" s="9" customFormat="1" ht="240.95" customHeight="1" x14ac:dyDescent="0.15">
      <c r="A28" s="30" t="s">
        <v>696</v>
      </c>
      <c r="B28" s="28" t="s">
        <v>697</v>
      </c>
      <c r="C28" s="37" t="s">
        <v>738</v>
      </c>
      <c r="D28" s="29" t="s">
        <v>698</v>
      </c>
      <c r="E28" s="29" t="s">
        <v>699</v>
      </c>
      <c r="F28" s="29" t="s">
        <v>700</v>
      </c>
      <c r="G28" s="29" t="s">
        <v>701</v>
      </c>
      <c r="H28" s="29" t="s">
        <v>702</v>
      </c>
      <c r="I28" s="29" t="s">
        <v>703</v>
      </c>
      <c r="J28" s="28" t="s">
        <v>704</v>
      </c>
      <c r="K28" s="29" t="s">
        <v>705</v>
      </c>
      <c r="L28" s="28" t="s">
        <v>706</v>
      </c>
      <c r="M28" s="28" t="s">
        <v>707</v>
      </c>
      <c r="N28" s="28" t="s">
        <v>708</v>
      </c>
      <c r="O28" s="28" t="s">
        <v>709</v>
      </c>
      <c r="P28" s="29" t="s">
        <v>710</v>
      </c>
      <c r="Q28" s="29" t="s">
        <v>711</v>
      </c>
      <c r="R28" s="28" t="s">
        <v>712</v>
      </c>
      <c r="S28" s="28" t="s">
        <v>713</v>
      </c>
      <c r="T28" s="29" t="s">
        <v>714</v>
      </c>
      <c r="U28" s="28" t="s">
        <v>715</v>
      </c>
      <c r="V28" s="29" t="s">
        <v>716</v>
      </c>
      <c r="W28" s="29" t="s">
        <v>717</v>
      </c>
      <c r="X28" s="29" t="s">
        <v>718</v>
      </c>
      <c r="Y28" s="29" t="s">
        <v>719</v>
      </c>
    </row>
    <row r="29" spans="1:25" x14ac:dyDescent="0.15">
      <c r="A29" s="7"/>
      <c r="B29" s="7"/>
      <c r="C29" s="7"/>
      <c r="D29" s="7"/>
      <c r="E29" s="7"/>
      <c r="F29" s="7"/>
      <c r="G29" s="7"/>
      <c r="H29" s="7"/>
      <c r="I29" s="7"/>
      <c r="J29" s="7"/>
      <c r="K29" s="7"/>
      <c r="L29" s="7"/>
      <c r="M29" s="7"/>
      <c r="N29" s="7"/>
      <c r="O29" s="7"/>
      <c r="P29" s="7"/>
      <c r="Q29" s="7"/>
      <c r="R29" s="7"/>
      <c r="S29" s="7"/>
      <c r="T29" s="7"/>
      <c r="U29" s="7"/>
      <c r="V29" s="7"/>
      <c r="W29" s="7"/>
      <c r="X29" s="7"/>
      <c r="Y29" s="7"/>
    </row>
    <row r="30" spans="1:25" x14ac:dyDescent="0.15">
      <c r="A30" s="7"/>
      <c r="B30" s="7"/>
      <c r="C30" s="7"/>
      <c r="D30" s="7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  <c r="T30" s="7"/>
      <c r="U30" s="7"/>
      <c r="V30" s="7"/>
      <c r="W30" s="7"/>
      <c r="X30" s="7"/>
      <c r="Y30" s="7"/>
    </row>
    <row r="31" spans="1:25" x14ac:dyDescent="0.15">
      <c r="A31" s="7"/>
      <c r="B31" s="7"/>
      <c r="C31" s="7"/>
      <c r="D31" s="7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  <c r="T31" s="7"/>
      <c r="U31" s="7"/>
      <c r="V31" s="7"/>
      <c r="W31" s="7"/>
      <c r="X31" s="7"/>
      <c r="Y31" s="7"/>
    </row>
    <row r="32" spans="1:25" x14ac:dyDescent="0.15">
      <c r="A32" s="7"/>
      <c r="B32" s="7"/>
      <c r="C32" s="7"/>
      <c r="D32" s="7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  <c r="T32" s="7"/>
      <c r="U32" s="7"/>
      <c r="V32" s="7"/>
      <c r="W32" s="7"/>
      <c r="X32" s="7"/>
      <c r="Y32" s="7"/>
    </row>
    <row r="33" spans="1:25" x14ac:dyDescent="0.15">
      <c r="A33" s="7"/>
      <c r="B33" s="7"/>
      <c r="C33" s="7"/>
      <c r="D33" s="7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7"/>
      <c r="R33" s="7"/>
      <c r="S33" s="7"/>
      <c r="T33" s="7"/>
      <c r="U33" s="7"/>
      <c r="V33" s="7"/>
      <c r="W33" s="7"/>
      <c r="X33" s="7"/>
      <c r="Y33" s="7"/>
    </row>
    <row r="34" spans="1:25" x14ac:dyDescent="0.15">
      <c r="A34" s="7"/>
      <c r="B34" s="7"/>
      <c r="C34" s="7"/>
      <c r="D34" s="7"/>
      <c r="E34" s="7"/>
      <c r="F34" s="7"/>
      <c r="G34" s="7"/>
      <c r="H34" s="7"/>
      <c r="I34" s="7"/>
      <c r="J34" s="7"/>
      <c r="K34" s="7"/>
      <c r="L34" s="7"/>
      <c r="M34" s="7"/>
      <c r="N34" s="7"/>
      <c r="O34" s="7"/>
      <c r="P34" s="7"/>
      <c r="Q34" s="7"/>
      <c r="R34" s="7"/>
      <c r="S34" s="7"/>
      <c r="T34" s="7"/>
      <c r="U34" s="7"/>
      <c r="V34" s="7"/>
      <c r="W34" s="7"/>
      <c r="X34" s="7"/>
      <c r="Y34" s="7"/>
    </row>
    <row r="35" spans="1:25" x14ac:dyDescent="0.15">
      <c r="A35" s="7"/>
      <c r="B35" s="7"/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  <c r="T35" s="7"/>
      <c r="U35" s="7"/>
      <c r="V35" s="7"/>
      <c r="W35" s="7"/>
      <c r="X35" s="7"/>
      <c r="Y35" s="7"/>
    </row>
    <row r="36" spans="1:25" x14ac:dyDescent="0.15">
      <c r="A36" s="7"/>
      <c r="B36" s="7"/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7"/>
      <c r="R36" s="7"/>
      <c r="S36" s="7"/>
      <c r="T36" s="7"/>
      <c r="U36" s="7"/>
      <c r="V36" s="7"/>
      <c r="W36" s="7"/>
      <c r="X36" s="7"/>
      <c r="Y36" s="7"/>
    </row>
    <row r="37" spans="1:25" x14ac:dyDescent="0.15">
      <c r="A37" s="7"/>
      <c r="B37" s="7"/>
      <c r="C37" s="7"/>
      <c r="D37" s="7"/>
      <c r="E37" s="7"/>
      <c r="F37" s="7"/>
      <c r="G37" s="7"/>
      <c r="H37" s="7"/>
      <c r="I37" s="7"/>
      <c r="J37" s="7"/>
      <c r="K37" s="7"/>
      <c r="L37" s="7"/>
      <c r="M37" s="7"/>
      <c r="N37" s="7"/>
      <c r="O37" s="7"/>
      <c r="P37" s="7"/>
      <c r="Q37" s="7"/>
      <c r="R37" s="7"/>
      <c r="S37" s="7"/>
      <c r="T37" s="7"/>
      <c r="U37" s="7"/>
      <c r="V37" s="7"/>
      <c r="W37" s="7"/>
      <c r="X37" s="7"/>
      <c r="Y37" s="7"/>
    </row>
    <row r="38" spans="1:25" x14ac:dyDescent="0.15">
      <c r="A38" s="7"/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  <c r="T38" s="7"/>
      <c r="U38" s="7"/>
      <c r="V38" s="7"/>
      <c r="W38" s="7"/>
      <c r="X38" s="7"/>
      <c r="Y38" s="7"/>
    </row>
    <row r="39" spans="1:25" x14ac:dyDescent="0.15">
      <c r="A39" s="7"/>
      <c r="B39" s="7"/>
      <c r="C39" s="7"/>
      <c r="D39" s="7"/>
      <c r="E39" s="7"/>
      <c r="F39" s="7"/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  <c r="T39" s="7"/>
      <c r="U39" s="7"/>
      <c r="V39" s="7"/>
      <c r="W39" s="7"/>
      <c r="X39" s="7"/>
      <c r="Y39" s="7"/>
    </row>
    <row r="40" spans="1:25" x14ac:dyDescent="0.15">
      <c r="A40" s="7"/>
      <c r="B40" s="7"/>
      <c r="C40" s="7"/>
      <c r="D40" s="7"/>
      <c r="E40" s="7"/>
      <c r="F40" s="7"/>
      <c r="G40" s="7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  <c r="T40" s="7"/>
      <c r="U40" s="7"/>
      <c r="V40" s="7"/>
      <c r="W40" s="7"/>
      <c r="X40" s="7"/>
      <c r="Y40" s="7"/>
    </row>
    <row r="41" spans="1:25" x14ac:dyDescent="0.15">
      <c r="A41" s="7"/>
      <c r="B41" s="7"/>
      <c r="C41" s="7"/>
      <c r="D41" s="7"/>
      <c r="E41" s="7"/>
      <c r="F41" s="7"/>
      <c r="G41" s="7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  <c r="T41" s="7"/>
      <c r="U41" s="7"/>
      <c r="V41" s="7"/>
      <c r="W41" s="7"/>
      <c r="X41" s="7"/>
      <c r="Y41" s="7"/>
    </row>
    <row r="42" spans="1:25" x14ac:dyDescent="0.15">
      <c r="A42" s="7"/>
      <c r="B42" s="7"/>
      <c r="C42" s="7"/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  <c r="T42" s="7"/>
      <c r="U42" s="7"/>
      <c r="V42" s="7"/>
      <c r="W42" s="7"/>
      <c r="X42" s="7"/>
      <c r="Y42" s="7"/>
    </row>
    <row r="43" spans="1:25" x14ac:dyDescent="0.15">
      <c r="A43" s="7"/>
      <c r="B43" s="7"/>
      <c r="C43" s="7"/>
      <c r="D43" s="7"/>
      <c r="E43" s="7"/>
      <c r="F43" s="7"/>
      <c r="G43" s="7"/>
      <c r="H43" s="7"/>
      <c r="I43" s="7"/>
      <c r="J43" s="7"/>
      <c r="K43" s="7"/>
      <c r="L43" s="7"/>
      <c r="M43" s="7"/>
      <c r="N43" s="7"/>
      <c r="O43" s="7"/>
      <c r="P43" s="7"/>
      <c r="Q43" s="7"/>
      <c r="R43" s="7"/>
      <c r="S43" s="7"/>
      <c r="T43" s="7"/>
      <c r="U43" s="7"/>
      <c r="V43" s="7"/>
      <c r="W43" s="7"/>
      <c r="X43" s="7"/>
      <c r="Y43" s="7"/>
    </row>
    <row r="44" spans="1:25" x14ac:dyDescent="0.15">
      <c r="A44" s="7"/>
      <c r="B44" s="7"/>
      <c r="C44" s="7"/>
      <c r="D44" s="7"/>
      <c r="E44" s="7"/>
      <c r="F44" s="7"/>
      <c r="G44" s="7"/>
      <c r="H44" s="7"/>
      <c r="I44" s="7"/>
      <c r="J44" s="7"/>
      <c r="K44" s="7"/>
      <c r="L44" s="7"/>
      <c r="M44" s="7"/>
      <c r="N44" s="7"/>
      <c r="O44" s="7"/>
      <c r="P44" s="7"/>
      <c r="Q44" s="7"/>
      <c r="R44" s="7"/>
      <c r="S44" s="7"/>
      <c r="T44" s="7"/>
      <c r="U44" s="7"/>
      <c r="V44" s="7"/>
      <c r="W44" s="7"/>
      <c r="X44" s="7"/>
      <c r="Y44" s="7"/>
    </row>
    <row r="45" spans="1:25" x14ac:dyDescent="0.15">
      <c r="A45" s="7"/>
      <c r="B45" s="7"/>
      <c r="C45" s="7"/>
      <c r="D45" s="7"/>
      <c r="E45" s="7"/>
      <c r="F45" s="7"/>
      <c r="G45" s="7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7"/>
    </row>
    <row r="46" spans="1:25" x14ac:dyDescent="0.15">
      <c r="A46" s="7"/>
      <c r="B46" s="7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</row>
    <row r="47" spans="1:25" x14ac:dyDescent="0.15">
      <c r="A47" s="7"/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</row>
    <row r="48" spans="1:25" x14ac:dyDescent="0.15">
      <c r="A48" s="7"/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</row>
    <row r="49" spans="1:25" x14ac:dyDescent="0.15">
      <c r="A49" s="7"/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</row>
    <row r="50" spans="1:25" x14ac:dyDescent="0.15">
      <c r="A50" s="7"/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</row>
  </sheetData>
  <phoneticPr fontId="6"/>
  <pageMargins left="0.31496062992125984" right="0.31496062992125984" top="0.62992125984251968" bottom="0.51181102362204722" header="0.31496062992125984" footer="0.31496062992125984"/>
  <pageSetup paperSize="9" orientation="landscape" horizontalDpi="192" verticalDpi="192" r:id="rId1"/>
  <headerFooter>
    <oddHeader>&amp;C&amp;"HGS教科書体,ﾒﾃﾞｨｳﾑ"&amp;16令和2年度印西漢字マスター　１・２級（読み）練習問題　　　学校　　年　　組　名前[　　　　　　　]</oddHeader>
    <oddFooter xml:space="preserve">&amp;C&amp;P / &amp;N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Y50"/>
  <sheetViews>
    <sheetView showGridLines="0" showRowColHeaders="0" showRuler="0" view="pageLayout" topLeftCell="A13" zoomScaleNormal="100" workbookViewId="0">
      <selection activeCell="S14" sqref="S14"/>
    </sheetView>
  </sheetViews>
  <sheetFormatPr defaultColWidth="8.875" defaultRowHeight="13.5" x14ac:dyDescent="0.15"/>
  <cols>
    <col min="1" max="25" width="5.625" style="2" customWidth="1"/>
    <col min="26" max="16384" width="8.875" style="2"/>
  </cols>
  <sheetData>
    <row r="1" spans="1:25" ht="21" customHeight="1" x14ac:dyDescent="0.15">
      <c r="A1" s="1">
        <v>25</v>
      </c>
      <c r="B1" s="1">
        <v>24</v>
      </c>
      <c r="C1" s="1">
        <v>23</v>
      </c>
      <c r="D1" s="1">
        <v>22</v>
      </c>
      <c r="E1" s="1">
        <v>21</v>
      </c>
      <c r="F1" s="1">
        <v>20</v>
      </c>
      <c r="G1" s="1">
        <v>19</v>
      </c>
      <c r="H1" s="1">
        <v>18</v>
      </c>
      <c r="I1" s="1">
        <v>17</v>
      </c>
      <c r="J1" s="1">
        <v>16</v>
      </c>
      <c r="K1" s="1">
        <v>15</v>
      </c>
      <c r="L1" s="1">
        <v>14</v>
      </c>
      <c r="M1" s="1">
        <v>13</v>
      </c>
      <c r="N1" s="1">
        <v>12</v>
      </c>
      <c r="O1" s="1">
        <v>11</v>
      </c>
      <c r="P1" s="1">
        <v>10</v>
      </c>
      <c r="Q1" s="1">
        <v>9</v>
      </c>
      <c r="R1" s="1">
        <v>8</v>
      </c>
      <c r="S1" s="1">
        <v>7</v>
      </c>
      <c r="T1" s="1">
        <v>6</v>
      </c>
      <c r="U1" s="1">
        <v>5</v>
      </c>
      <c r="V1" s="1">
        <v>4</v>
      </c>
      <c r="W1" s="1">
        <v>3</v>
      </c>
      <c r="X1" s="1">
        <v>2</v>
      </c>
      <c r="Y1" s="1">
        <v>1</v>
      </c>
    </row>
    <row r="2" spans="1:25" s="4" customFormat="1" ht="9.75" customHeight="1" x14ac:dyDescent="0.15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</row>
    <row r="3" spans="1:25" ht="241.5" customHeight="1" x14ac:dyDescent="0.15">
      <c r="A3" s="25" t="s">
        <v>360</v>
      </c>
      <c r="B3" s="26" t="s">
        <v>361</v>
      </c>
      <c r="C3" s="27" t="s">
        <v>362</v>
      </c>
      <c r="D3" s="26" t="s">
        <v>363</v>
      </c>
      <c r="E3" s="27" t="s">
        <v>364</v>
      </c>
      <c r="F3" s="26" t="s">
        <v>365</v>
      </c>
      <c r="G3" s="26" t="s">
        <v>366</v>
      </c>
      <c r="H3" s="26" t="s">
        <v>367</v>
      </c>
      <c r="I3" s="27" t="s">
        <v>368</v>
      </c>
      <c r="J3" s="26" t="s">
        <v>369</v>
      </c>
      <c r="K3" s="26" t="s">
        <v>370</v>
      </c>
      <c r="L3" s="27" t="s">
        <v>371</v>
      </c>
      <c r="M3" s="27" t="s">
        <v>372</v>
      </c>
      <c r="N3" s="33" t="s">
        <v>740</v>
      </c>
      <c r="O3" s="32" t="s">
        <v>739</v>
      </c>
      <c r="P3" s="27" t="s">
        <v>373</v>
      </c>
      <c r="Q3" s="26" t="s">
        <v>374</v>
      </c>
      <c r="R3" s="26" t="s">
        <v>375</v>
      </c>
      <c r="S3" s="27" t="s">
        <v>376</v>
      </c>
      <c r="T3" s="27" t="s">
        <v>377</v>
      </c>
      <c r="U3" s="27" t="s">
        <v>378</v>
      </c>
      <c r="V3" s="28" t="s">
        <v>379</v>
      </c>
      <c r="W3" s="26" t="s">
        <v>380</v>
      </c>
      <c r="X3" s="27" t="s">
        <v>381</v>
      </c>
      <c r="Y3" s="26" t="s">
        <v>382</v>
      </c>
    </row>
    <row r="4" spans="1:25" x14ac:dyDescent="0.15">
      <c r="A4" s="6"/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</row>
    <row r="5" spans="1:25" ht="21.2" customHeight="1" x14ac:dyDescent="0.15">
      <c r="A5" s="1">
        <v>50</v>
      </c>
      <c r="B5" s="1">
        <v>49</v>
      </c>
      <c r="C5" s="1">
        <v>48</v>
      </c>
      <c r="D5" s="1">
        <v>47</v>
      </c>
      <c r="E5" s="1">
        <v>46</v>
      </c>
      <c r="F5" s="1">
        <v>45</v>
      </c>
      <c r="G5" s="1">
        <v>44</v>
      </c>
      <c r="H5" s="1">
        <v>43</v>
      </c>
      <c r="I5" s="1">
        <v>42</v>
      </c>
      <c r="J5" s="1">
        <v>41</v>
      </c>
      <c r="K5" s="1">
        <v>40</v>
      </c>
      <c r="L5" s="1">
        <v>39</v>
      </c>
      <c r="M5" s="1">
        <v>38</v>
      </c>
      <c r="N5" s="1">
        <v>37</v>
      </c>
      <c r="O5" s="1">
        <v>36</v>
      </c>
      <c r="P5" s="1">
        <v>35</v>
      </c>
      <c r="Q5" s="1">
        <v>34</v>
      </c>
      <c r="R5" s="1">
        <v>33</v>
      </c>
      <c r="S5" s="1">
        <v>32</v>
      </c>
      <c r="T5" s="1">
        <v>31</v>
      </c>
      <c r="U5" s="1">
        <v>30</v>
      </c>
      <c r="V5" s="1">
        <v>29</v>
      </c>
      <c r="W5" s="1">
        <v>28</v>
      </c>
      <c r="X5" s="1">
        <v>27</v>
      </c>
      <c r="Y5" s="1">
        <v>26</v>
      </c>
    </row>
    <row r="6" spans="1:25" ht="10.5" customHeight="1" x14ac:dyDescent="0.15">
      <c r="A6" s="3"/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</row>
    <row r="7" spans="1:25" ht="241.5" customHeight="1" x14ac:dyDescent="0.15">
      <c r="A7" s="38" t="s">
        <v>741</v>
      </c>
      <c r="B7" s="29" t="s">
        <v>383</v>
      </c>
      <c r="C7" s="29" t="s">
        <v>384</v>
      </c>
      <c r="D7" s="28" t="s">
        <v>385</v>
      </c>
      <c r="E7" s="28" t="s">
        <v>386</v>
      </c>
      <c r="F7" s="28" t="s">
        <v>387</v>
      </c>
      <c r="G7" s="29" t="s">
        <v>388</v>
      </c>
      <c r="H7" s="28" t="s">
        <v>389</v>
      </c>
      <c r="I7" s="29" t="s">
        <v>390</v>
      </c>
      <c r="J7" s="29" t="s">
        <v>391</v>
      </c>
      <c r="K7" s="28" t="s">
        <v>392</v>
      </c>
      <c r="L7" s="29" t="s">
        <v>393</v>
      </c>
      <c r="M7" s="28" t="s">
        <v>394</v>
      </c>
      <c r="N7" s="29" t="s">
        <v>395</v>
      </c>
      <c r="O7" s="29" t="s">
        <v>396</v>
      </c>
      <c r="P7" s="29" t="s">
        <v>397</v>
      </c>
      <c r="Q7" s="28" t="s">
        <v>398</v>
      </c>
      <c r="R7" s="29" t="s">
        <v>399</v>
      </c>
      <c r="S7" s="28" t="s">
        <v>400</v>
      </c>
      <c r="T7" s="29" t="s">
        <v>401</v>
      </c>
      <c r="U7" s="29" t="s">
        <v>402</v>
      </c>
      <c r="V7" s="29" t="s">
        <v>403</v>
      </c>
      <c r="W7" s="28" t="s">
        <v>404</v>
      </c>
      <c r="X7" s="38" t="s">
        <v>742</v>
      </c>
      <c r="Y7" s="29" t="s">
        <v>405</v>
      </c>
    </row>
    <row r="8" spans="1:25" ht="21.2" customHeight="1" x14ac:dyDescent="0.15">
      <c r="A8" s="1">
        <v>75</v>
      </c>
      <c r="B8" s="13">
        <v>74</v>
      </c>
      <c r="C8" s="1">
        <v>73</v>
      </c>
      <c r="D8" s="13">
        <v>72</v>
      </c>
      <c r="E8" s="1">
        <v>71</v>
      </c>
      <c r="F8" s="13">
        <v>70</v>
      </c>
      <c r="G8" s="1">
        <v>69</v>
      </c>
      <c r="H8" s="13">
        <v>68</v>
      </c>
      <c r="I8" s="1">
        <v>67</v>
      </c>
      <c r="J8" s="13">
        <v>66</v>
      </c>
      <c r="K8" s="1">
        <v>65</v>
      </c>
      <c r="L8" s="13">
        <v>64</v>
      </c>
      <c r="M8" s="1">
        <v>63</v>
      </c>
      <c r="N8" s="13">
        <v>62</v>
      </c>
      <c r="O8" s="1">
        <v>61</v>
      </c>
      <c r="P8" s="13">
        <v>60</v>
      </c>
      <c r="Q8" s="1">
        <v>59</v>
      </c>
      <c r="R8" s="13">
        <v>58</v>
      </c>
      <c r="S8" s="1">
        <v>57</v>
      </c>
      <c r="T8" s="13">
        <v>56</v>
      </c>
      <c r="U8" s="1">
        <v>55</v>
      </c>
      <c r="V8" s="13">
        <v>54</v>
      </c>
      <c r="W8" s="1">
        <v>53</v>
      </c>
      <c r="X8" s="13">
        <v>52</v>
      </c>
      <c r="Y8" s="1">
        <v>51</v>
      </c>
    </row>
    <row r="9" spans="1:25" s="4" customFormat="1" ht="9.75" customHeight="1" x14ac:dyDescent="0.15">
      <c r="A9" s="3"/>
      <c r="B9" s="3"/>
      <c r="C9" s="3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</row>
    <row r="10" spans="1:25" ht="240.95" customHeight="1" x14ac:dyDescent="0.15">
      <c r="A10" s="38" t="s">
        <v>746</v>
      </c>
      <c r="B10" s="29" t="s">
        <v>406</v>
      </c>
      <c r="C10" s="29" t="s">
        <v>407</v>
      </c>
      <c r="D10" s="33" t="s">
        <v>745</v>
      </c>
      <c r="E10" s="29" t="s">
        <v>408</v>
      </c>
      <c r="F10" s="28" t="s">
        <v>409</v>
      </c>
      <c r="G10" s="29" t="s">
        <v>410</v>
      </c>
      <c r="H10" s="28" t="s">
        <v>411</v>
      </c>
      <c r="I10" s="29" t="s">
        <v>412</v>
      </c>
      <c r="J10" s="37" t="s">
        <v>744</v>
      </c>
      <c r="K10" s="29" t="s">
        <v>413</v>
      </c>
      <c r="L10" s="28" t="s">
        <v>414</v>
      </c>
      <c r="M10" s="28" t="s">
        <v>415</v>
      </c>
      <c r="N10" s="29" t="s">
        <v>416</v>
      </c>
      <c r="O10" s="29" t="s">
        <v>417</v>
      </c>
      <c r="P10" s="29" t="s">
        <v>418</v>
      </c>
      <c r="Q10" s="29" t="s">
        <v>419</v>
      </c>
      <c r="R10" s="29" t="s">
        <v>420</v>
      </c>
      <c r="S10" s="27" t="s">
        <v>421</v>
      </c>
      <c r="T10" s="27" t="s">
        <v>422</v>
      </c>
      <c r="U10" s="27" t="s">
        <v>423</v>
      </c>
      <c r="V10" s="32" t="s">
        <v>743</v>
      </c>
      <c r="W10" s="27" t="s">
        <v>424</v>
      </c>
      <c r="X10" s="27" t="s">
        <v>425</v>
      </c>
      <c r="Y10" s="27" t="s">
        <v>426</v>
      </c>
    </row>
    <row r="11" spans="1:25" x14ac:dyDescent="0.15">
      <c r="A11" s="6"/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  <c r="X11" s="6"/>
      <c r="Y11" s="6"/>
    </row>
    <row r="12" spans="1:25" ht="21.2" customHeight="1" x14ac:dyDescent="0.15">
      <c r="A12" s="1">
        <v>100</v>
      </c>
      <c r="B12" s="1">
        <v>99</v>
      </c>
      <c r="C12" s="1">
        <v>98</v>
      </c>
      <c r="D12" s="1">
        <v>97</v>
      </c>
      <c r="E12" s="1">
        <v>96</v>
      </c>
      <c r="F12" s="1">
        <v>95</v>
      </c>
      <c r="G12" s="1">
        <v>94</v>
      </c>
      <c r="H12" s="1">
        <v>93</v>
      </c>
      <c r="I12" s="1">
        <v>92</v>
      </c>
      <c r="J12" s="1">
        <v>91</v>
      </c>
      <c r="K12" s="1">
        <v>90</v>
      </c>
      <c r="L12" s="1">
        <v>89</v>
      </c>
      <c r="M12" s="1">
        <v>88</v>
      </c>
      <c r="N12" s="1">
        <v>87</v>
      </c>
      <c r="O12" s="1">
        <v>86</v>
      </c>
      <c r="P12" s="1">
        <v>85</v>
      </c>
      <c r="Q12" s="1">
        <v>84</v>
      </c>
      <c r="R12" s="1">
        <v>83</v>
      </c>
      <c r="S12" s="1">
        <v>82</v>
      </c>
      <c r="T12" s="1">
        <v>81</v>
      </c>
      <c r="U12" s="1">
        <v>80</v>
      </c>
      <c r="V12" s="1">
        <v>79</v>
      </c>
      <c r="W12" s="1">
        <v>78</v>
      </c>
      <c r="X12" s="1">
        <v>77</v>
      </c>
      <c r="Y12" s="1">
        <v>76</v>
      </c>
    </row>
    <row r="13" spans="1:25" ht="10.5" customHeight="1" x14ac:dyDescent="0.15">
      <c r="A13" s="3"/>
      <c r="B13" s="3"/>
      <c r="C13" s="3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</row>
    <row r="14" spans="1:25" ht="240.95" customHeight="1" x14ac:dyDescent="0.15">
      <c r="A14" s="39" t="s">
        <v>750</v>
      </c>
      <c r="B14" s="28" t="s">
        <v>427</v>
      </c>
      <c r="C14" s="29" t="s">
        <v>428</v>
      </c>
      <c r="D14" s="28" t="s">
        <v>429</v>
      </c>
      <c r="E14" s="29" t="s">
        <v>430</v>
      </c>
      <c r="F14" s="37" t="s">
        <v>749</v>
      </c>
      <c r="G14" s="28" t="s">
        <v>431</v>
      </c>
      <c r="H14" s="29" t="s">
        <v>432</v>
      </c>
      <c r="I14" s="36" t="s">
        <v>748</v>
      </c>
      <c r="J14" s="29" t="s">
        <v>433</v>
      </c>
      <c r="K14" s="29" t="s">
        <v>434</v>
      </c>
      <c r="L14" s="29" t="s">
        <v>435</v>
      </c>
      <c r="M14" s="29" t="s">
        <v>436</v>
      </c>
      <c r="N14" s="29" t="s">
        <v>437</v>
      </c>
      <c r="O14" s="29" t="s">
        <v>438</v>
      </c>
      <c r="P14" s="28" t="s">
        <v>439</v>
      </c>
      <c r="Q14" s="28" t="s">
        <v>440</v>
      </c>
      <c r="R14" s="28" t="s">
        <v>441</v>
      </c>
      <c r="S14" s="29" t="s">
        <v>442</v>
      </c>
      <c r="T14" s="36" t="s">
        <v>747</v>
      </c>
      <c r="U14" s="29" t="s">
        <v>443</v>
      </c>
      <c r="V14" s="29" t="s">
        <v>444</v>
      </c>
      <c r="W14" s="29" t="s">
        <v>445</v>
      </c>
      <c r="X14" s="37" t="s">
        <v>799</v>
      </c>
      <c r="Y14" s="28" t="s">
        <v>446</v>
      </c>
    </row>
    <row r="15" spans="1:25" ht="21" customHeight="1" x14ac:dyDescent="0.15">
      <c r="A15" s="13">
        <v>125</v>
      </c>
      <c r="B15" s="13">
        <v>124</v>
      </c>
      <c r="C15" s="13">
        <v>123</v>
      </c>
      <c r="D15" s="13">
        <v>122</v>
      </c>
      <c r="E15" s="13">
        <v>121</v>
      </c>
      <c r="F15" s="13">
        <v>120</v>
      </c>
      <c r="G15" s="13">
        <v>119</v>
      </c>
      <c r="H15" s="13">
        <v>118</v>
      </c>
      <c r="I15" s="13">
        <v>117</v>
      </c>
      <c r="J15" s="13">
        <v>116</v>
      </c>
      <c r="K15" s="13">
        <v>115</v>
      </c>
      <c r="L15" s="13">
        <v>114</v>
      </c>
      <c r="M15" s="13">
        <v>113</v>
      </c>
      <c r="N15" s="13">
        <v>112</v>
      </c>
      <c r="O15" s="13">
        <v>111</v>
      </c>
      <c r="P15" s="13">
        <v>110</v>
      </c>
      <c r="Q15" s="13">
        <v>109</v>
      </c>
      <c r="R15" s="13">
        <v>108</v>
      </c>
      <c r="S15" s="13">
        <v>107</v>
      </c>
      <c r="T15" s="13">
        <v>106</v>
      </c>
      <c r="U15" s="13">
        <v>105</v>
      </c>
      <c r="V15" s="13">
        <v>104</v>
      </c>
      <c r="W15" s="13">
        <v>103</v>
      </c>
      <c r="X15" s="13">
        <v>102</v>
      </c>
      <c r="Y15" s="13">
        <v>101</v>
      </c>
    </row>
    <row r="16" spans="1:25" s="4" customFormat="1" ht="9.75" customHeight="1" x14ac:dyDescent="0.15">
      <c r="A16" s="14"/>
      <c r="B16" s="14"/>
      <c r="C16" s="14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X16" s="14"/>
      <c r="Y16" s="14"/>
    </row>
    <row r="17" spans="1:25" ht="240.95" customHeight="1" x14ac:dyDescent="0.15">
      <c r="A17" s="25" t="s">
        <v>447</v>
      </c>
      <c r="B17" s="29" t="s">
        <v>797</v>
      </c>
      <c r="C17" s="28" t="s">
        <v>448</v>
      </c>
      <c r="D17" s="29" t="s">
        <v>449</v>
      </c>
      <c r="E17" s="36" t="s">
        <v>752</v>
      </c>
      <c r="F17" s="29" t="s">
        <v>450</v>
      </c>
      <c r="G17" s="28" t="s">
        <v>451</v>
      </c>
      <c r="H17" s="32" t="s">
        <v>751</v>
      </c>
      <c r="I17" s="29" t="s">
        <v>452</v>
      </c>
      <c r="J17" s="28" t="s">
        <v>453</v>
      </c>
      <c r="K17" s="28" t="s">
        <v>454</v>
      </c>
      <c r="L17" s="29" t="s">
        <v>455</v>
      </c>
      <c r="M17" s="28" t="s">
        <v>456</v>
      </c>
      <c r="N17" s="29" t="s">
        <v>457</v>
      </c>
      <c r="O17" s="29" t="s">
        <v>458</v>
      </c>
      <c r="P17" s="29" t="s">
        <v>459</v>
      </c>
      <c r="Q17" s="29" t="s">
        <v>460</v>
      </c>
      <c r="R17" s="29" t="s">
        <v>461</v>
      </c>
      <c r="S17" s="28" t="s">
        <v>462</v>
      </c>
      <c r="T17" s="29" t="s">
        <v>463</v>
      </c>
      <c r="U17" s="29" t="s">
        <v>464</v>
      </c>
      <c r="V17" s="29" t="s">
        <v>465</v>
      </c>
      <c r="W17" s="29" t="s">
        <v>466</v>
      </c>
      <c r="X17" s="28" t="s">
        <v>467</v>
      </c>
      <c r="Y17" s="29" t="s">
        <v>468</v>
      </c>
    </row>
    <row r="18" spans="1:25" x14ac:dyDescent="0.15">
      <c r="A18" s="16"/>
      <c r="B18" s="16"/>
      <c r="C18" s="16"/>
      <c r="D18" s="16"/>
      <c r="E18" s="16"/>
      <c r="F18" s="16"/>
      <c r="G18" s="16"/>
      <c r="H18" s="16"/>
      <c r="I18" s="16"/>
      <c r="J18" s="16"/>
      <c r="K18" s="16"/>
      <c r="L18" s="16"/>
      <c r="M18" s="16"/>
      <c r="N18" s="16"/>
      <c r="O18" s="16"/>
      <c r="P18" s="16"/>
      <c r="Q18" s="16"/>
      <c r="R18" s="16"/>
      <c r="S18" s="16"/>
      <c r="T18" s="16"/>
      <c r="U18" s="16"/>
      <c r="V18" s="16"/>
      <c r="W18" s="16"/>
      <c r="X18" s="16"/>
      <c r="Y18" s="16"/>
    </row>
    <row r="19" spans="1:25" ht="21" customHeight="1" x14ac:dyDescent="0.15">
      <c r="A19" s="13">
        <v>150</v>
      </c>
      <c r="B19" s="13">
        <v>149</v>
      </c>
      <c r="C19" s="13">
        <v>148</v>
      </c>
      <c r="D19" s="13">
        <v>147</v>
      </c>
      <c r="E19" s="13">
        <v>146</v>
      </c>
      <c r="F19" s="13">
        <v>145</v>
      </c>
      <c r="G19" s="13">
        <v>144</v>
      </c>
      <c r="H19" s="13">
        <v>143</v>
      </c>
      <c r="I19" s="13">
        <v>142</v>
      </c>
      <c r="J19" s="13">
        <v>141</v>
      </c>
      <c r="K19" s="13">
        <v>140</v>
      </c>
      <c r="L19" s="13">
        <v>139</v>
      </c>
      <c r="M19" s="13">
        <v>138</v>
      </c>
      <c r="N19" s="13">
        <v>137</v>
      </c>
      <c r="O19" s="13">
        <v>136</v>
      </c>
      <c r="P19" s="13">
        <v>135</v>
      </c>
      <c r="Q19" s="13">
        <v>134</v>
      </c>
      <c r="R19" s="13">
        <v>133</v>
      </c>
      <c r="S19" s="13">
        <v>132</v>
      </c>
      <c r="T19" s="13">
        <v>131</v>
      </c>
      <c r="U19" s="13">
        <v>130</v>
      </c>
      <c r="V19" s="13">
        <v>129</v>
      </c>
      <c r="W19" s="13">
        <v>128</v>
      </c>
      <c r="X19" s="13">
        <v>127</v>
      </c>
      <c r="Y19" s="13">
        <v>126</v>
      </c>
    </row>
    <row r="20" spans="1:25" ht="10.5" customHeight="1" x14ac:dyDescent="0.15">
      <c r="A20" s="3"/>
      <c r="B20" s="3"/>
      <c r="C20" s="3"/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</row>
    <row r="21" spans="1:25" ht="240.95" customHeight="1" x14ac:dyDescent="0.15">
      <c r="A21" s="30" t="s">
        <v>469</v>
      </c>
      <c r="B21" s="29" t="s">
        <v>470</v>
      </c>
      <c r="C21" s="28" t="s">
        <v>471</v>
      </c>
      <c r="D21" s="29" t="s">
        <v>472</v>
      </c>
      <c r="E21" s="28" t="s">
        <v>473</v>
      </c>
      <c r="F21" s="29" t="s">
        <v>474</v>
      </c>
      <c r="G21" s="29" t="s">
        <v>475</v>
      </c>
      <c r="H21" s="29" t="s">
        <v>476</v>
      </c>
      <c r="I21" s="28" t="s">
        <v>477</v>
      </c>
      <c r="J21" s="28" t="s">
        <v>478</v>
      </c>
      <c r="K21" s="29" t="s">
        <v>479</v>
      </c>
      <c r="L21" s="29" t="s">
        <v>480</v>
      </c>
      <c r="M21" s="28" t="s">
        <v>481</v>
      </c>
      <c r="N21" s="28" t="s">
        <v>482</v>
      </c>
      <c r="O21" s="29" t="s">
        <v>483</v>
      </c>
      <c r="P21" s="29" t="s">
        <v>484</v>
      </c>
      <c r="Q21" s="37" t="s">
        <v>753</v>
      </c>
      <c r="R21" s="29" t="s">
        <v>485</v>
      </c>
      <c r="S21" s="29" t="s">
        <v>486</v>
      </c>
      <c r="T21" s="29" t="s">
        <v>487</v>
      </c>
      <c r="U21" s="28" t="s">
        <v>488</v>
      </c>
      <c r="V21" s="29" t="s">
        <v>489</v>
      </c>
      <c r="W21" s="29" t="s">
        <v>490</v>
      </c>
      <c r="X21" s="29" t="s">
        <v>491</v>
      </c>
      <c r="Y21" s="28" t="s">
        <v>492</v>
      </c>
    </row>
    <row r="22" spans="1:25" ht="21" customHeight="1" x14ac:dyDescent="0.15">
      <c r="A22" s="13">
        <v>175</v>
      </c>
      <c r="B22" s="13">
        <v>174</v>
      </c>
      <c r="C22" s="13">
        <v>173</v>
      </c>
      <c r="D22" s="13">
        <v>172</v>
      </c>
      <c r="E22" s="13">
        <v>171</v>
      </c>
      <c r="F22" s="13">
        <v>170</v>
      </c>
      <c r="G22" s="13">
        <v>169</v>
      </c>
      <c r="H22" s="13">
        <v>168</v>
      </c>
      <c r="I22" s="13">
        <v>167</v>
      </c>
      <c r="J22" s="13">
        <v>166</v>
      </c>
      <c r="K22" s="13">
        <v>165</v>
      </c>
      <c r="L22" s="13">
        <v>164</v>
      </c>
      <c r="M22" s="13">
        <v>163</v>
      </c>
      <c r="N22" s="13">
        <v>162</v>
      </c>
      <c r="O22" s="13">
        <v>161</v>
      </c>
      <c r="P22" s="13">
        <v>160</v>
      </c>
      <c r="Q22" s="13">
        <v>159</v>
      </c>
      <c r="R22" s="13">
        <v>158</v>
      </c>
      <c r="S22" s="13">
        <v>157</v>
      </c>
      <c r="T22" s="13">
        <v>156</v>
      </c>
      <c r="U22" s="13">
        <v>155</v>
      </c>
      <c r="V22" s="13">
        <v>154</v>
      </c>
      <c r="W22" s="1">
        <v>153</v>
      </c>
      <c r="X22" s="13">
        <v>152</v>
      </c>
      <c r="Y22" s="1">
        <v>151</v>
      </c>
    </row>
    <row r="23" spans="1:25" s="4" customFormat="1" ht="9.75" customHeight="1" x14ac:dyDescent="0.15">
      <c r="A23" s="14"/>
      <c r="B23" s="14"/>
      <c r="C23" s="14"/>
      <c r="D23" s="14"/>
      <c r="E23" s="14"/>
      <c r="F23" s="14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3"/>
      <c r="X23" s="3"/>
      <c r="Y23" s="3"/>
    </row>
    <row r="24" spans="1:25" ht="240.95" customHeight="1" x14ac:dyDescent="0.15">
      <c r="A24" s="30" t="s">
        <v>493</v>
      </c>
      <c r="B24" s="28" t="s">
        <v>494</v>
      </c>
      <c r="C24" s="29" t="s">
        <v>495</v>
      </c>
      <c r="D24" s="29" t="s">
        <v>496</v>
      </c>
      <c r="E24" s="28" t="s">
        <v>497</v>
      </c>
      <c r="F24" s="29" t="s">
        <v>498</v>
      </c>
      <c r="G24" s="36" t="s">
        <v>755</v>
      </c>
      <c r="H24" s="29" t="s">
        <v>499</v>
      </c>
      <c r="I24" s="29" t="s">
        <v>500</v>
      </c>
      <c r="J24" s="29" t="s">
        <v>501</v>
      </c>
      <c r="K24" s="28" t="s">
        <v>502</v>
      </c>
      <c r="L24" s="28" t="s">
        <v>503</v>
      </c>
      <c r="M24" s="28" t="s">
        <v>504</v>
      </c>
      <c r="N24" s="28" t="s">
        <v>505</v>
      </c>
      <c r="O24" s="29" t="s">
        <v>506</v>
      </c>
      <c r="P24" s="29" t="s">
        <v>507</v>
      </c>
      <c r="Q24" s="29" t="s">
        <v>508</v>
      </c>
      <c r="R24" s="28" t="s">
        <v>509</v>
      </c>
      <c r="S24" s="29" t="s">
        <v>510</v>
      </c>
      <c r="T24" s="29" t="s">
        <v>511</v>
      </c>
      <c r="U24" s="28" t="s">
        <v>512</v>
      </c>
      <c r="V24" s="28" t="s">
        <v>513</v>
      </c>
      <c r="W24" s="29" t="s">
        <v>514</v>
      </c>
      <c r="X24" s="36" t="s">
        <v>754</v>
      </c>
      <c r="Y24" s="29" t="s">
        <v>515</v>
      </c>
    </row>
    <row r="25" spans="1:25" x14ac:dyDescent="0.15">
      <c r="A25" s="16"/>
      <c r="B25" s="16"/>
      <c r="C25" s="16"/>
      <c r="D25" s="16"/>
      <c r="E25" s="16"/>
      <c r="F25" s="16"/>
      <c r="G25" s="16"/>
      <c r="H25" s="16"/>
      <c r="I25" s="16"/>
      <c r="J25" s="16"/>
      <c r="K25" s="16"/>
      <c r="L25" s="16"/>
      <c r="M25" s="16"/>
      <c r="N25" s="16"/>
      <c r="O25" s="16"/>
      <c r="P25" s="16"/>
      <c r="Q25" s="16"/>
      <c r="R25" s="16"/>
      <c r="S25" s="16"/>
      <c r="T25" s="16"/>
      <c r="U25" s="16"/>
      <c r="V25" s="16"/>
      <c r="W25" s="6"/>
      <c r="X25" s="6"/>
      <c r="Y25" s="6"/>
    </row>
    <row r="26" spans="1:25" ht="21" customHeight="1" x14ac:dyDescent="0.15">
      <c r="A26" s="13">
        <v>200</v>
      </c>
      <c r="B26" s="13">
        <v>199</v>
      </c>
      <c r="C26" s="13">
        <v>198</v>
      </c>
      <c r="D26" s="13">
        <v>197</v>
      </c>
      <c r="E26" s="13">
        <v>196</v>
      </c>
      <c r="F26" s="13">
        <v>195</v>
      </c>
      <c r="G26" s="13">
        <v>194</v>
      </c>
      <c r="H26" s="13">
        <v>193</v>
      </c>
      <c r="I26" s="13">
        <v>192</v>
      </c>
      <c r="J26" s="13">
        <v>191</v>
      </c>
      <c r="K26" s="13">
        <v>190</v>
      </c>
      <c r="L26" s="13">
        <v>189</v>
      </c>
      <c r="M26" s="13">
        <v>188</v>
      </c>
      <c r="N26" s="13">
        <v>187</v>
      </c>
      <c r="O26" s="13">
        <v>186</v>
      </c>
      <c r="P26" s="13">
        <v>185</v>
      </c>
      <c r="Q26" s="13">
        <v>184</v>
      </c>
      <c r="R26" s="13">
        <v>183</v>
      </c>
      <c r="S26" s="13">
        <v>182</v>
      </c>
      <c r="T26" s="13">
        <v>181</v>
      </c>
      <c r="U26" s="13">
        <v>180</v>
      </c>
      <c r="V26" s="13">
        <v>179</v>
      </c>
      <c r="W26" s="13">
        <v>178</v>
      </c>
      <c r="X26" s="13">
        <v>177</v>
      </c>
      <c r="Y26" s="13">
        <v>176</v>
      </c>
    </row>
    <row r="27" spans="1:25" ht="10.5" customHeight="1" x14ac:dyDescent="0.15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</row>
    <row r="28" spans="1:25" ht="240.95" customHeight="1" x14ac:dyDescent="0.15">
      <c r="A28" s="30" t="s">
        <v>516</v>
      </c>
      <c r="B28" s="28" t="s">
        <v>517</v>
      </c>
      <c r="C28" s="37" t="s">
        <v>756</v>
      </c>
      <c r="D28" s="29" t="s">
        <v>518</v>
      </c>
      <c r="E28" s="29" t="s">
        <v>519</v>
      </c>
      <c r="F28" s="29" t="s">
        <v>520</v>
      </c>
      <c r="G28" s="29" t="s">
        <v>521</v>
      </c>
      <c r="H28" s="29" t="s">
        <v>522</v>
      </c>
      <c r="I28" s="29" t="s">
        <v>523</v>
      </c>
      <c r="J28" s="28" t="s">
        <v>524</v>
      </c>
      <c r="K28" s="29" t="s">
        <v>525</v>
      </c>
      <c r="L28" s="28" t="s">
        <v>526</v>
      </c>
      <c r="M28" s="28" t="s">
        <v>527</v>
      </c>
      <c r="N28" s="28" t="s">
        <v>528</v>
      </c>
      <c r="O28" s="28" t="s">
        <v>529</v>
      </c>
      <c r="P28" s="29" t="s">
        <v>530</v>
      </c>
      <c r="Q28" s="29" t="s">
        <v>531</v>
      </c>
      <c r="R28" s="28" t="s">
        <v>532</v>
      </c>
      <c r="S28" s="28" t="s">
        <v>533</v>
      </c>
      <c r="T28" s="29" t="s">
        <v>534</v>
      </c>
      <c r="U28" s="28" t="s">
        <v>535</v>
      </c>
      <c r="V28" s="29" t="s">
        <v>536</v>
      </c>
      <c r="W28" s="29" t="s">
        <v>537</v>
      </c>
      <c r="X28" s="29" t="s">
        <v>538</v>
      </c>
      <c r="Y28" s="29" t="s">
        <v>539</v>
      </c>
    </row>
    <row r="29" spans="1:25" x14ac:dyDescent="0.15">
      <c r="A29" s="7"/>
      <c r="B29" s="7"/>
      <c r="C29" s="7"/>
      <c r="D29" s="7"/>
      <c r="E29" s="7"/>
      <c r="F29" s="7"/>
      <c r="G29" s="7"/>
      <c r="H29" s="7"/>
      <c r="I29" s="7"/>
      <c r="J29" s="7"/>
      <c r="K29" s="7"/>
      <c r="L29" s="7"/>
      <c r="M29" s="7"/>
      <c r="N29" s="7"/>
      <c r="O29" s="7"/>
      <c r="P29" s="7"/>
      <c r="Q29" s="7"/>
      <c r="R29" s="7"/>
      <c r="S29" s="7"/>
      <c r="T29" s="7"/>
      <c r="U29" s="7"/>
      <c r="V29" s="7"/>
      <c r="W29" s="7"/>
      <c r="X29" s="7"/>
      <c r="Y29" s="7"/>
    </row>
    <row r="30" spans="1:25" x14ac:dyDescent="0.15">
      <c r="A30" s="7"/>
      <c r="B30" s="7"/>
      <c r="C30" s="7"/>
      <c r="D30" s="7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  <c r="T30" s="7"/>
      <c r="U30" s="7"/>
      <c r="V30" s="7"/>
      <c r="W30" s="7"/>
      <c r="X30" s="7"/>
      <c r="Y30" s="7"/>
    </row>
    <row r="31" spans="1:25" x14ac:dyDescent="0.15">
      <c r="A31" s="7"/>
      <c r="B31" s="7"/>
      <c r="C31" s="7"/>
      <c r="D31" s="7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  <c r="T31" s="7"/>
      <c r="U31" s="7"/>
      <c r="V31" s="7"/>
      <c r="W31" s="7"/>
      <c r="X31" s="7"/>
      <c r="Y31" s="7"/>
    </row>
    <row r="32" spans="1:25" x14ac:dyDescent="0.15">
      <c r="A32" s="7"/>
      <c r="B32" s="7"/>
      <c r="C32" s="7"/>
      <c r="D32" s="7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  <c r="T32" s="7"/>
      <c r="U32" s="7"/>
      <c r="V32" s="7"/>
      <c r="W32" s="7"/>
      <c r="X32" s="7"/>
      <c r="Y32" s="7"/>
    </row>
    <row r="33" spans="1:25" x14ac:dyDescent="0.15">
      <c r="A33" s="7"/>
      <c r="B33" s="7"/>
      <c r="C33" s="7"/>
      <c r="D33" s="7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7"/>
      <c r="R33" s="7"/>
      <c r="S33" s="7"/>
      <c r="T33" s="7"/>
      <c r="U33" s="7"/>
      <c r="V33" s="7"/>
      <c r="W33" s="7"/>
      <c r="X33" s="7"/>
      <c r="Y33" s="7"/>
    </row>
    <row r="34" spans="1:25" x14ac:dyDescent="0.15">
      <c r="A34" s="7"/>
      <c r="B34" s="7"/>
      <c r="C34" s="7"/>
      <c r="D34" s="7"/>
      <c r="E34" s="7"/>
      <c r="F34" s="7"/>
      <c r="G34" s="7"/>
      <c r="H34" s="7"/>
      <c r="I34" s="7"/>
      <c r="J34" s="7"/>
      <c r="K34" s="7"/>
      <c r="L34" s="7"/>
      <c r="M34" s="7"/>
      <c r="N34" s="7"/>
      <c r="O34" s="7"/>
      <c r="P34" s="7"/>
      <c r="Q34" s="7"/>
      <c r="R34" s="7"/>
      <c r="S34" s="7"/>
      <c r="T34" s="7"/>
      <c r="U34" s="7"/>
      <c r="V34" s="7"/>
      <c r="W34" s="7"/>
      <c r="X34" s="7"/>
      <c r="Y34" s="7"/>
    </row>
    <row r="35" spans="1:25" x14ac:dyDescent="0.15">
      <c r="A35" s="7"/>
      <c r="B35" s="7"/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  <c r="T35" s="7"/>
      <c r="U35" s="7"/>
      <c r="V35" s="7"/>
      <c r="W35" s="7"/>
      <c r="X35" s="7"/>
      <c r="Y35" s="7"/>
    </row>
    <row r="36" spans="1:25" x14ac:dyDescent="0.15">
      <c r="A36" s="7"/>
      <c r="B36" s="7"/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7"/>
      <c r="R36" s="7"/>
      <c r="S36" s="7"/>
      <c r="T36" s="7"/>
      <c r="U36" s="7"/>
      <c r="V36" s="7"/>
      <c r="W36" s="7"/>
      <c r="X36" s="7"/>
      <c r="Y36" s="7"/>
    </row>
    <row r="37" spans="1:25" x14ac:dyDescent="0.15">
      <c r="A37" s="7"/>
      <c r="B37" s="7"/>
      <c r="C37" s="7"/>
      <c r="D37" s="7"/>
      <c r="E37" s="7"/>
      <c r="F37" s="7"/>
      <c r="G37" s="7"/>
      <c r="H37" s="7"/>
      <c r="I37" s="7"/>
      <c r="J37" s="7"/>
      <c r="K37" s="7"/>
      <c r="L37" s="7"/>
      <c r="M37" s="7"/>
      <c r="N37" s="7"/>
      <c r="O37" s="7"/>
      <c r="P37" s="7"/>
      <c r="Q37" s="7"/>
      <c r="R37" s="7"/>
      <c r="S37" s="7"/>
      <c r="T37" s="7"/>
      <c r="U37" s="7"/>
      <c r="V37" s="7"/>
      <c r="W37" s="7"/>
      <c r="X37" s="7"/>
      <c r="Y37" s="7"/>
    </row>
    <row r="38" spans="1:25" x14ac:dyDescent="0.15">
      <c r="A38" s="7"/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  <c r="T38" s="7"/>
      <c r="U38" s="7"/>
      <c r="V38" s="7"/>
      <c r="W38" s="7"/>
      <c r="X38" s="7"/>
      <c r="Y38" s="7"/>
    </row>
    <row r="39" spans="1:25" x14ac:dyDescent="0.15">
      <c r="A39" s="7"/>
      <c r="B39" s="7"/>
      <c r="C39" s="7"/>
      <c r="D39" s="7"/>
      <c r="E39" s="7"/>
      <c r="F39" s="7"/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  <c r="T39" s="7"/>
      <c r="U39" s="7"/>
      <c r="V39" s="7"/>
      <c r="W39" s="7"/>
      <c r="X39" s="7"/>
      <c r="Y39" s="7"/>
    </row>
    <row r="40" spans="1:25" x14ac:dyDescent="0.15">
      <c r="A40" s="7"/>
      <c r="B40" s="7"/>
      <c r="C40" s="7"/>
      <c r="D40" s="7"/>
      <c r="E40" s="7"/>
      <c r="F40" s="7"/>
      <c r="G40" s="7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  <c r="T40" s="7"/>
      <c r="U40" s="7"/>
      <c r="V40" s="7"/>
      <c r="W40" s="7"/>
      <c r="X40" s="7"/>
      <c r="Y40" s="7"/>
    </row>
    <row r="41" spans="1:25" x14ac:dyDescent="0.15">
      <c r="A41" s="7"/>
      <c r="B41" s="7"/>
      <c r="C41" s="7"/>
      <c r="D41" s="7"/>
      <c r="E41" s="7"/>
      <c r="F41" s="7"/>
      <c r="G41" s="7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  <c r="T41" s="7"/>
      <c r="U41" s="7"/>
      <c r="V41" s="7"/>
      <c r="W41" s="7"/>
      <c r="X41" s="7"/>
      <c r="Y41" s="7"/>
    </row>
    <row r="42" spans="1:25" x14ac:dyDescent="0.15">
      <c r="A42" s="7"/>
      <c r="B42" s="7"/>
      <c r="C42" s="7"/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  <c r="T42" s="7"/>
      <c r="U42" s="7"/>
      <c r="V42" s="7"/>
      <c r="W42" s="7"/>
      <c r="X42" s="7"/>
      <c r="Y42" s="7"/>
    </row>
    <row r="43" spans="1:25" x14ac:dyDescent="0.15">
      <c r="A43" s="7"/>
      <c r="B43" s="7"/>
      <c r="C43" s="7"/>
      <c r="D43" s="7"/>
      <c r="E43" s="7"/>
      <c r="F43" s="7"/>
      <c r="G43" s="7"/>
      <c r="H43" s="7"/>
      <c r="I43" s="7"/>
      <c r="J43" s="7"/>
      <c r="K43" s="7"/>
      <c r="L43" s="7"/>
      <c r="M43" s="7"/>
      <c r="N43" s="7"/>
      <c r="O43" s="7"/>
      <c r="P43" s="7"/>
      <c r="Q43" s="7"/>
      <c r="R43" s="7"/>
      <c r="S43" s="7"/>
      <c r="T43" s="7"/>
      <c r="U43" s="7"/>
      <c r="V43" s="7"/>
      <c r="W43" s="7"/>
      <c r="X43" s="7"/>
      <c r="Y43" s="7"/>
    </row>
    <row r="44" spans="1:25" x14ac:dyDescent="0.15">
      <c r="A44" s="7"/>
      <c r="B44" s="7"/>
      <c r="C44" s="7"/>
      <c r="D44" s="7"/>
      <c r="E44" s="7"/>
      <c r="F44" s="7"/>
      <c r="G44" s="7"/>
      <c r="H44" s="7"/>
      <c r="I44" s="7"/>
      <c r="J44" s="7"/>
      <c r="K44" s="7"/>
      <c r="L44" s="7"/>
      <c r="M44" s="7"/>
      <c r="N44" s="7"/>
      <c r="O44" s="7"/>
      <c r="P44" s="7"/>
      <c r="Q44" s="7"/>
      <c r="R44" s="7"/>
      <c r="S44" s="7"/>
      <c r="T44" s="7"/>
      <c r="U44" s="7"/>
      <c r="V44" s="7"/>
      <c r="W44" s="7"/>
      <c r="X44" s="7"/>
      <c r="Y44" s="7"/>
    </row>
    <row r="45" spans="1:25" x14ac:dyDescent="0.15">
      <c r="A45" s="7"/>
      <c r="B45" s="7"/>
      <c r="C45" s="7"/>
      <c r="D45" s="7"/>
      <c r="E45" s="7"/>
      <c r="F45" s="7"/>
      <c r="G45" s="7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7"/>
    </row>
    <row r="46" spans="1:25" x14ac:dyDescent="0.15">
      <c r="A46" s="7"/>
      <c r="B46" s="7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</row>
    <row r="47" spans="1:25" x14ac:dyDescent="0.15">
      <c r="A47" s="7"/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</row>
    <row r="48" spans="1:25" x14ac:dyDescent="0.15">
      <c r="A48" s="7"/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</row>
    <row r="49" spans="1:25" x14ac:dyDescent="0.15">
      <c r="A49" s="7"/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</row>
    <row r="50" spans="1:25" x14ac:dyDescent="0.15">
      <c r="A50" s="7"/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</row>
  </sheetData>
  <phoneticPr fontId="10"/>
  <pageMargins left="0.31496062992125984" right="0.31496062992125984" top="0.62" bottom="0.45" header="0.31496062992125984" footer="0.26"/>
  <pageSetup paperSize="9" orientation="landscape" horizontalDpi="192" verticalDpi="192" r:id="rId1"/>
  <headerFooter>
    <oddHeader>&amp;C&amp;"HGS教科書体,ﾒﾃﾞｨｳﾑ"&amp;16令和2年度印西漢字マスター　１・２級（書き）練習問題　　　学校　　年　　組　名前[　　　　　　　]</oddHeader>
    <oddFooter xml:space="preserve">&amp;C&amp;P / &amp;N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Y78"/>
  <sheetViews>
    <sheetView showGridLines="0" showRowColHeaders="0" showRuler="0" view="pageLayout" topLeftCell="A32" zoomScaleNormal="100" workbookViewId="0">
      <selection activeCell="I35" sqref="I35"/>
    </sheetView>
  </sheetViews>
  <sheetFormatPr defaultColWidth="8.875" defaultRowHeight="13.5" x14ac:dyDescent="0.15"/>
  <cols>
    <col min="1" max="25" width="5.625" style="2" customWidth="1"/>
    <col min="26" max="16384" width="8.875" style="2"/>
  </cols>
  <sheetData>
    <row r="1" spans="1:25" ht="21" customHeight="1" x14ac:dyDescent="0.15">
      <c r="A1" s="13">
        <v>25</v>
      </c>
      <c r="B1" s="13">
        <v>24</v>
      </c>
      <c r="C1" s="13">
        <v>23</v>
      </c>
      <c r="D1" s="13">
        <v>22</v>
      </c>
      <c r="E1" s="13">
        <v>21</v>
      </c>
      <c r="F1" s="13">
        <v>20</v>
      </c>
      <c r="G1" s="13">
        <v>19</v>
      </c>
      <c r="H1" s="13">
        <v>18</v>
      </c>
      <c r="I1" s="13">
        <v>17</v>
      </c>
      <c r="J1" s="13">
        <v>16</v>
      </c>
      <c r="K1" s="13">
        <v>15</v>
      </c>
      <c r="L1" s="13">
        <v>14</v>
      </c>
      <c r="M1" s="13">
        <v>13</v>
      </c>
      <c r="N1" s="13">
        <v>12</v>
      </c>
      <c r="O1" s="13">
        <v>11</v>
      </c>
      <c r="P1" s="13">
        <v>10</v>
      </c>
      <c r="Q1" s="13">
        <v>9</v>
      </c>
      <c r="R1" s="13">
        <v>8</v>
      </c>
      <c r="S1" s="13">
        <v>7</v>
      </c>
      <c r="T1" s="13">
        <v>6</v>
      </c>
      <c r="U1" s="13">
        <v>5</v>
      </c>
      <c r="V1" s="13">
        <v>4</v>
      </c>
      <c r="W1" s="13">
        <v>3</v>
      </c>
      <c r="X1" s="13">
        <v>2</v>
      </c>
      <c r="Y1" s="13">
        <v>1</v>
      </c>
    </row>
    <row r="2" spans="1:25" s="4" customFormat="1" ht="9.75" customHeight="1" x14ac:dyDescent="0.15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</row>
    <row r="3" spans="1:25" ht="241.5" customHeight="1" x14ac:dyDescent="0.15">
      <c r="A3" s="5" t="s">
        <v>255</v>
      </c>
      <c r="B3" s="5" t="s">
        <v>254</v>
      </c>
      <c r="C3" s="5" t="s">
        <v>253</v>
      </c>
      <c r="D3" s="5" t="s">
        <v>252</v>
      </c>
      <c r="E3" s="18" t="s">
        <v>275</v>
      </c>
      <c r="F3" s="5" t="s">
        <v>251</v>
      </c>
      <c r="G3" s="5" t="s">
        <v>250</v>
      </c>
      <c r="H3" s="5" t="s">
        <v>249</v>
      </c>
      <c r="I3" s="5" t="s">
        <v>248</v>
      </c>
      <c r="J3" s="5" t="s">
        <v>247</v>
      </c>
      <c r="K3" s="5" t="s">
        <v>246</v>
      </c>
      <c r="L3" s="5" t="s">
        <v>245</v>
      </c>
      <c r="M3" s="5" t="s">
        <v>244</v>
      </c>
      <c r="N3" s="5" t="s">
        <v>758</v>
      </c>
      <c r="O3" s="5" t="s">
        <v>757</v>
      </c>
      <c r="P3" s="18" t="s">
        <v>322</v>
      </c>
      <c r="Q3" s="5" t="s">
        <v>243</v>
      </c>
      <c r="R3" s="5" t="s">
        <v>242</v>
      </c>
      <c r="S3" s="5" t="s">
        <v>241</v>
      </c>
      <c r="T3" s="5" t="s">
        <v>240</v>
      </c>
      <c r="U3" s="5" t="s">
        <v>239</v>
      </c>
      <c r="V3" s="19" t="s">
        <v>351</v>
      </c>
      <c r="W3" s="5" t="s">
        <v>238</v>
      </c>
      <c r="X3" s="5" t="s">
        <v>237</v>
      </c>
      <c r="Y3" s="5" t="s">
        <v>236</v>
      </c>
    </row>
    <row r="4" spans="1:25" x14ac:dyDescent="0.15">
      <c r="A4" s="6"/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</row>
    <row r="5" spans="1:25" ht="21" customHeight="1" x14ac:dyDescent="0.15">
      <c r="A5" s="13">
        <v>25</v>
      </c>
      <c r="B5" s="13">
        <v>24</v>
      </c>
      <c r="C5" s="13">
        <v>23</v>
      </c>
      <c r="D5" s="13">
        <v>22</v>
      </c>
      <c r="E5" s="13">
        <v>21</v>
      </c>
      <c r="F5" s="13">
        <v>20</v>
      </c>
      <c r="G5" s="13">
        <v>19</v>
      </c>
      <c r="H5" s="13">
        <v>18</v>
      </c>
      <c r="I5" s="13">
        <v>17</v>
      </c>
      <c r="J5" s="13">
        <v>16</v>
      </c>
      <c r="K5" s="13">
        <v>15</v>
      </c>
      <c r="L5" s="13">
        <v>14</v>
      </c>
      <c r="M5" s="13">
        <v>13</v>
      </c>
      <c r="N5" s="13">
        <v>12</v>
      </c>
      <c r="O5" s="13">
        <v>11</v>
      </c>
      <c r="P5" s="13">
        <v>10</v>
      </c>
      <c r="Q5" s="13">
        <v>9</v>
      </c>
      <c r="R5" s="13">
        <v>8</v>
      </c>
      <c r="S5" s="13">
        <v>7</v>
      </c>
      <c r="T5" s="13">
        <v>6</v>
      </c>
      <c r="U5" s="13">
        <v>5</v>
      </c>
      <c r="V5" s="13">
        <v>4</v>
      </c>
      <c r="W5" s="13">
        <v>3</v>
      </c>
      <c r="X5" s="13">
        <v>2</v>
      </c>
      <c r="Y5" s="13">
        <v>1</v>
      </c>
    </row>
    <row r="6" spans="1:25" s="4" customFormat="1" ht="9.75" customHeight="1" x14ac:dyDescent="0.15">
      <c r="A6" s="14"/>
      <c r="B6" s="14"/>
      <c r="C6" s="14"/>
      <c r="D6" s="14"/>
      <c r="E6" s="14"/>
      <c r="F6" s="14"/>
      <c r="G6" s="14"/>
      <c r="H6" s="14"/>
      <c r="I6" s="14"/>
      <c r="J6" s="14"/>
      <c r="K6" s="14"/>
      <c r="L6" s="14"/>
      <c r="M6" s="14"/>
      <c r="N6" s="14"/>
      <c r="O6" s="14"/>
      <c r="P6" s="14"/>
      <c r="Q6" s="14"/>
      <c r="R6" s="14"/>
      <c r="S6" s="14"/>
      <c r="T6" s="14"/>
      <c r="U6" s="14"/>
      <c r="V6" s="14"/>
      <c r="W6" s="14"/>
      <c r="X6" s="14"/>
      <c r="Y6" s="14"/>
    </row>
    <row r="7" spans="1:25" ht="240.95" customHeight="1" x14ac:dyDescent="0.15">
      <c r="A7" s="15" t="s">
        <v>0</v>
      </c>
      <c r="B7" s="15" t="s">
        <v>1</v>
      </c>
      <c r="C7" s="15" t="s">
        <v>2</v>
      </c>
      <c r="D7" s="15" t="s">
        <v>3</v>
      </c>
      <c r="E7" s="21" t="s">
        <v>277</v>
      </c>
      <c r="F7" s="15" t="s">
        <v>4</v>
      </c>
      <c r="G7" s="15" t="s">
        <v>5</v>
      </c>
      <c r="H7" s="15" t="s">
        <v>6</v>
      </c>
      <c r="I7" s="15" t="s">
        <v>7</v>
      </c>
      <c r="J7" s="15" t="s">
        <v>8</v>
      </c>
      <c r="K7" s="15" t="s">
        <v>9</v>
      </c>
      <c r="L7" s="15" t="s">
        <v>10</v>
      </c>
      <c r="M7" s="15" t="s">
        <v>11</v>
      </c>
      <c r="N7" s="15" t="s">
        <v>760</v>
      </c>
      <c r="O7" s="15" t="s">
        <v>759</v>
      </c>
      <c r="P7" s="21" t="s">
        <v>323</v>
      </c>
      <c r="Q7" s="15" t="s">
        <v>12</v>
      </c>
      <c r="R7" s="15" t="s">
        <v>13</v>
      </c>
      <c r="S7" s="15" t="s">
        <v>14</v>
      </c>
      <c r="T7" s="15" t="s">
        <v>15</v>
      </c>
      <c r="U7" s="15" t="s">
        <v>16</v>
      </c>
      <c r="V7" s="21" t="s">
        <v>350</v>
      </c>
      <c r="W7" s="15" t="s">
        <v>17</v>
      </c>
      <c r="X7" s="15" t="s">
        <v>18</v>
      </c>
      <c r="Y7" s="15" t="s">
        <v>19</v>
      </c>
    </row>
    <row r="8" spans="1:25" ht="21.2" customHeight="1" x14ac:dyDescent="0.15">
      <c r="A8" s="13">
        <v>50</v>
      </c>
      <c r="B8" s="13">
        <v>49</v>
      </c>
      <c r="C8" s="13">
        <v>48</v>
      </c>
      <c r="D8" s="13">
        <v>47</v>
      </c>
      <c r="E8" s="13">
        <v>46</v>
      </c>
      <c r="F8" s="13">
        <v>45</v>
      </c>
      <c r="G8" s="13">
        <v>44</v>
      </c>
      <c r="H8" s="13">
        <v>43</v>
      </c>
      <c r="I8" s="13">
        <v>42</v>
      </c>
      <c r="J8" s="13">
        <v>41</v>
      </c>
      <c r="K8" s="13">
        <v>40</v>
      </c>
      <c r="L8" s="13">
        <v>39</v>
      </c>
      <c r="M8" s="13">
        <v>38</v>
      </c>
      <c r="N8" s="13">
        <v>37</v>
      </c>
      <c r="O8" s="13">
        <v>36</v>
      </c>
      <c r="P8" s="13">
        <v>35</v>
      </c>
      <c r="Q8" s="13">
        <v>34</v>
      </c>
      <c r="R8" s="13">
        <v>33</v>
      </c>
      <c r="S8" s="13">
        <v>32</v>
      </c>
      <c r="T8" s="13">
        <v>31</v>
      </c>
      <c r="U8" s="13">
        <v>30</v>
      </c>
      <c r="V8" s="13">
        <v>29</v>
      </c>
      <c r="W8" s="13">
        <v>28</v>
      </c>
      <c r="X8" s="13">
        <v>27</v>
      </c>
      <c r="Y8" s="13">
        <v>26</v>
      </c>
    </row>
    <row r="9" spans="1:25" ht="10.5" customHeight="1" x14ac:dyDescent="0.15">
      <c r="A9" s="14"/>
      <c r="B9" s="14"/>
      <c r="C9" s="14"/>
      <c r="D9" s="14"/>
      <c r="E9" s="14"/>
      <c r="F9" s="14"/>
      <c r="G9" s="14"/>
      <c r="H9" s="14"/>
      <c r="I9" s="14"/>
      <c r="J9" s="14"/>
      <c r="K9" s="14"/>
      <c r="L9" s="14"/>
      <c r="M9" s="14"/>
      <c r="N9" s="14"/>
      <c r="O9" s="14"/>
      <c r="P9" s="14"/>
      <c r="Q9" s="14"/>
      <c r="R9" s="14"/>
      <c r="S9" s="14"/>
      <c r="T9" s="14"/>
      <c r="U9" s="14"/>
      <c r="V9" s="14"/>
      <c r="W9" s="14"/>
      <c r="X9" s="14"/>
      <c r="Y9" s="14"/>
    </row>
    <row r="10" spans="1:25" ht="241.5" customHeight="1" x14ac:dyDescent="0.15">
      <c r="A10" s="17" t="s">
        <v>762</v>
      </c>
      <c r="B10" s="17" t="s">
        <v>235</v>
      </c>
      <c r="C10" s="20" t="s">
        <v>280</v>
      </c>
      <c r="D10" s="20" t="s">
        <v>278</v>
      </c>
      <c r="E10" s="20" t="s">
        <v>326</v>
      </c>
      <c r="F10" s="20" t="s">
        <v>234</v>
      </c>
      <c r="G10" s="17" t="s">
        <v>233</v>
      </c>
      <c r="H10" s="17" t="s">
        <v>232</v>
      </c>
      <c r="I10" s="17" t="s">
        <v>231</v>
      </c>
      <c r="J10" s="17" t="s">
        <v>230</v>
      </c>
      <c r="K10" s="17" t="s">
        <v>229</v>
      </c>
      <c r="L10" s="17" t="s">
        <v>228</v>
      </c>
      <c r="M10" s="17" t="s">
        <v>227</v>
      </c>
      <c r="N10" s="17" t="s">
        <v>226</v>
      </c>
      <c r="O10" s="17" t="s">
        <v>225</v>
      </c>
      <c r="P10" s="17" t="s">
        <v>224</v>
      </c>
      <c r="Q10" s="17" t="s">
        <v>223</v>
      </c>
      <c r="R10" s="17" t="s">
        <v>324</v>
      </c>
      <c r="S10" s="20" t="s">
        <v>261</v>
      </c>
      <c r="T10" s="17" t="s">
        <v>222</v>
      </c>
      <c r="U10" s="17" t="s">
        <v>221</v>
      </c>
      <c r="V10" s="20" t="s">
        <v>276</v>
      </c>
      <c r="W10" s="17" t="s">
        <v>220</v>
      </c>
      <c r="X10" s="17" t="s">
        <v>761</v>
      </c>
      <c r="Y10" s="17" t="s">
        <v>219</v>
      </c>
    </row>
    <row r="11" spans="1:25" x14ac:dyDescent="0.15">
      <c r="A11" s="6"/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  <c r="X11" s="6"/>
      <c r="Y11" s="6"/>
    </row>
    <row r="12" spans="1:25" ht="21.2" customHeight="1" x14ac:dyDescent="0.15">
      <c r="A12" s="13">
        <v>50</v>
      </c>
      <c r="B12" s="13">
        <v>49</v>
      </c>
      <c r="C12" s="13">
        <v>48</v>
      </c>
      <c r="D12" s="13">
        <v>47</v>
      </c>
      <c r="E12" s="13">
        <v>46</v>
      </c>
      <c r="F12" s="13">
        <v>45</v>
      </c>
      <c r="G12" s="13">
        <v>44</v>
      </c>
      <c r="H12" s="13">
        <v>43</v>
      </c>
      <c r="I12" s="13">
        <v>42</v>
      </c>
      <c r="J12" s="13">
        <v>41</v>
      </c>
      <c r="K12" s="13">
        <v>40</v>
      </c>
      <c r="L12" s="13">
        <v>39</v>
      </c>
      <c r="M12" s="13">
        <v>38</v>
      </c>
      <c r="N12" s="13">
        <v>37</v>
      </c>
      <c r="O12" s="13">
        <v>36</v>
      </c>
      <c r="P12" s="13">
        <v>35</v>
      </c>
      <c r="Q12" s="13">
        <v>34</v>
      </c>
      <c r="R12" s="13">
        <v>33</v>
      </c>
      <c r="S12" s="13">
        <v>32</v>
      </c>
      <c r="T12" s="13">
        <v>31</v>
      </c>
      <c r="U12" s="13">
        <v>30</v>
      </c>
      <c r="V12" s="13">
        <v>29</v>
      </c>
      <c r="W12" s="13">
        <v>28</v>
      </c>
      <c r="X12" s="13">
        <v>27</v>
      </c>
      <c r="Y12" s="13">
        <v>26</v>
      </c>
    </row>
    <row r="13" spans="1:25" ht="10.5" customHeight="1" x14ac:dyDescent="0.15">
      <c r="A13" s="14"/>
      <c r="B13" s="14"/>
      <c r="C13" s="14"/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  <c r="Q13" s="14"/>
      <c r="R13" s="14"/>
      <c r="S13" s="14"/>
      <c r="T13" s="14"/>
      <c r="U13" s="14"/>
      <c r="V13" s="14"/>
      <c r="W13" s="14"/>
      <c r="X13" s="14"/>
      <c r="Y13" s="14"/>
    </row>
    <row r="14" spans="1:25" ht="240.95" customHeight="1" x14ac:dyDescent="0.15">
      <c r="A14" s="15" t="s">
        <v>764</v>
      </c>
      <c r="B14" s="15" t="s">
        <v>20</v>
      </c>
      <c r="C14" s="21" t="s">
        <v>279</v>
      </c>
      <c r="D14" s="21" t="s">
        <v>359</v>
      </c>
      <c r="E14" s="21" t="s">
        <v>327</v>
      </c>
      <c r="F14" s="15" t="s">
        <v>21</v>
      </c>
      <c r="G14" s="15" t="s">
        <v>22</v>
      </c>
      <c r="H14" s="15" t="s">
        <v>23</v>
      </c>
      <c r="I14" s="15" t="s">
        <v>24</v>
      </c>
      <c r="J14" s="15" t="s">
        <v>25</v>
      </c>
      <c r="K14" s="15" t="s">
        <v>26</v>
      </c>
      <c r="L14" s="15" t="s">
        <v>27</v>
      </c>
      <c r="M14" s="15" t="s">
        <v>28</v>
      </c>
      <c r="N14" s="15" t="s">
        <v>29</v>
      </c>
      <c r="O14" s="15" t="s">
        <v>30</v>
      </c>
      <c r="P14" s="15" t="s">
        <v>31</v>
      </c>
      <c r="Q14" s="15" t="s">
        <v>32</v>
      </c>
      <c r="R14" s="15" t="s">
        <v>325</v>
      </c>
      <c r="S14" s="21" t="s">
        <v>256</v>
      </c>
      <c r="T14" s="15" t="s">
        <v>33</v>
      </c>
      <c r="U14" s="15" t="s">
        <v>34</v>
      </c>
      <c r="V14" s="21" t="s">
        <v>356</v>
      </c>
      <c r="W14" s="15" t="s">
        <v>35</v>
      </c>
      <c r="X14" s="15" t="s">
        <v>763</v>
      </c>
      <c r="Y14" s="15" t="s">
        <v>36</v>
      </c>
    </row>
    <row r="15" spans="1:25" ht="21.2" customHeight="1" x14ac:dyDescent="0.15">
      <c r="A15" s="13">
        <v>75</v>
      </c>
      <c r="B15" s="13">
        <v>74</v>
      </c>
      <c r="C15" s="13">
        <v>73</v>
      </c>
      <c r="D15" s="13">
        <v>72</v>
      </c>
      <c r="E15" s="13">
        <v>71</v>
      </c>
      <c r="F15" s="13">
        <v>70</v>
      </c>
      <c r="G15" s="13">
        <v>69</v>
      </c>
      <c r="H15" s="13">
        <v>68</v>
      </c>
      <c r="I15" s="13">
        <v>67</v>
      </c>
      <c r="J15" s="13">
        <v>66</v>
      </c>
      <c r="K15" s="13">
        <v>65</v>
      </c>
      <c r="L15" s="13">
        <v>64</v>
      </c>
      <c r="M15" s="13">
        <v>63</v>
      </c>
      <c r="N15" s="13">
        <v>62</v>
      </c>
      <c r="O15" s="13">
        <v>61</v>
      </c>
      <c r="P15" s="13">
        <v>60</v>
      </c>
      <c r="Q15" s="13">
        <v>59</v>
      </c>
      <c r="R15" s="13">
        <v>58</v>
      </c>
      <c r="S15" s="13">
        <v>57</v>
      </c>
      <c r="T15" s="13">
        <v>56</v>
      </c>
      <c r="U15" s="13">
        <v>55</v>
      </c>
      <c r="V15" s="13">
        <v>54</v>
      </c>
      <c r="W15" s="13">
        <v>53</v>
      </c>
      <c r="X15" s="13">
        <v>52</v>
      </c>
      <c r="Y15" s="13">
        <v>51</v>
      </c>
    </row>
    <row r="16" spans="1:25" s="4" customFormat="1" ht="9.75" customHeight="1" x14ac:dyDescent="0.15">
      <c r="A16" s="14"/>
      <c r="B16" s="14"/>
      <c r="C16" s="14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X16" s="14"/>
      <c r="Y16" s="14"/>
    </row>
    <row r="17" spans="1:25" ht="240.95" customHeight="1" x14ac:dyDescent="0.15">
      <c r="A17" s="17" t="s">
        <v>768</v>
      </c>
      <c r="B17" s="17" t="s">
        <v>330</v>
      </c>
      <c r="C17" s="17" t="s">
        <v>328</v>
      </c>
      <c r="D17" s="34" t="s">
        <v>767</v>
      </c>
      <c r="E17" s="17" t="s">
        <v>283</v>
      </c>
      <c r="F17" s="17" t="s">
        <v>218</v>
      </c>
      <c r="G17" s="17" t="s">
        <v>217</v>
      </c>
      <c r="H17" s="17" t="s">
        <v>216</v>
      </c>
      <c r="I17" s="17" t="s">
        <v>215</v>
      </c>
      <c r="J17" s="17" t="s">
        <v>766</v>
      </c>
      <c r="K17" s="17" t="s">
        <v>214</v>
      </c>
      <c r="L17" s="17" t="s">
        <v>213</v>
      </c>
      <c r="M17" s="20" t="s">
        <v>353</v>
      </c>
      <c r="N17" s="17" t="s">
        <v>212</v>
      </c>
      <c r="O17" s="17" t="s">
        <v>211</v>
      </c>
      <c r="P17" s="17" t="s">
        <v>210</v>
      </c>
      <c r="Q17" s="17" t="s">
        <v>209</v>
      </c>
      <c r="R17" s="17" t="s">
        <v>208</v>
      </c>
      <c r="S17" s="15" t="s">
        <v>207</v>
      </c>
      <c r="T17" s="15" t="s">
        <v>206</v>
      </c>
      <c r="U17" s="15" t="s">
        <v>262</v>
      </c>
      <c r="V17" s="15" t="s">
        <v>765</v>
      </c>
      <c r="W17" s="15" t="s">
        <v>205</v>
      </c>
      <c r="X17" s="21" t="s">
        <v>281</v>
      </c>
      <c r="Y17" s="15" t="s">
        <v>204</v>
      </c>
    </row>
    <row r="18" spans="1:25" x14ac:dyDescent="0.15">
      <c r="A18" s="6"/>
      <c r="B18" s="6"/>
      <c r="C18" s="6"/>
      <c r="D18" s="6"/>
      <c r="E18" s="6"/>
      <c r="F18" s="6"/>
      <c r="G18" s="6"/>
      <c r="H18" s="6"/>
      <c r="I18" s="6"/>
      <c r="J18" s="6"/>
      <c r="K18" s="6"/>
      <c r="L18" s="6"/>
      <c r="M18" s="6"/>
      <c r="N18" s="6"/>
      <c r="O18" s="6"/>
      <c r="P18" s="6"/>
      <c r="Q18" s="6"/>
      <c r="R18" s="6"/>
      <c r="S18" s="6"/>
      <c r="T18" s="6"/>
      <c r="U18" s="6"/>
      <c r="V18" s="6"/>
      <c r="W18" s="6"/>
      <c r="X18" s="6"/>
      <c r="Y18" s="6"/>
    </row>
    <row r="19" spans="1:25" ht="21.2" customHeight="1" x14ac:dyDescent="0.15">
      <c r="A19" s="13">
        <v>75</v>
      </c>
      <c r="B19" s="13">
        <v>74</v>
      </c>
      <c r="C19" s="13">
        <v>73</v>
      </c>
      <c r="D19" s="13">
        <v>72</v>
      </c>
      <c r="E19" s="13">
        <v>71</v>
      </c>
      <c r="F19" s="13">
        <v>70</v>
      </c>
      <c r="G19" s="13">
        <v>69</v>
      </c>
      <c r="H19" s="13">
        <v>68</v>
      </c>
      <c r="I19" s="13">
        <v>67</v>
      </c>
      <c r="J19" s="13">
        <v>66</v>
      </c>
      <c r="K19" s="13">
        <v>65</v>
      </c>
      <c r="L19" s="13">
        <v>64</v>
      </c>
      <c r="M19" s="13">
        <v>63</v>
      </c>
      <c r="N19" s="13">
        <v>62</v>
      </c>
      <c r="O19" s="13">
        <v>61</v>
      </c>
      <c r="P19" s="13">
        <v>60</v>
      </c>
      <c r="Q19" s="13">
        <v>59</v>
      </c>
      <c r="R19" s="13">
        <v>58</v>
      </c>
      <c r="S19" s="13">
        <v>57</v>
      </c>
      <c r="T19" s="13">
        <v>56</v>
      </c>
      <c r="U19" s="13">
        <v>55</v>
      </c>
      <c r="V19" s="13">
        <v>54</v>
      </c>
      <c r="W19" s="13">
        <v>53</v>
      </c>
      <c r="X19" s="13">
        <v>52</v>
      </c>
      <c r="Y19" s="13">
        <v>51</v>
      </c>
    </row>
    <row r="20" spans="1:25" s="4" customFormat="1" ht="9.75" customHeight="1" x14ac:dyDescent="0.15">
      <c r="A20" s="14"/>
      <c r="B20" s="14"/>
      <c r="C20" s="14"/>
      <c r="D20" s="14"/>
      <c r="E20" s="14"/>
      <c r="F20" s="14"/>
      <c r="G20" s="14"/>
      <c r="H20" s="14"/>
      <c r="I20" s="14"/>
      <c r="J20" s="14"/>
      <c r="K20" s="14"/>
      <c r="L20" s="14"/>
      <c r="M20" s="14"/>
      <c r="N20" s="14"/>
      <c r="O20" s="14"/>
      <c r="P20" s="14"/>
      <c r="Q20" s="14"/>
      <c r="R20" s="14"/>
      <c r="S20" s="14"/>
      <c r="T20" s="14"/>
      <c r="U20" s="14"/>
      <c r="V20" s="14"/>
      <c r="W20" s="14"/>
      <c r="X20" s="14"/>
      <c r="Y20" s="14"/>
    </row>
    <row r="21" spans="1:25" ht="240.95" customHeight="1" x14ac:dyDescent="0.15">
      <c r="A21" s="15" t="s">
        <v>772</v>
      </c>
      <c r="B21" s="15" t="s">
        <v>331</v>
      </c>
      <c r="C21" s="15" t="s">
        <v>329</v>
      </c>
      <c r="D21" s="15" t="s">
        <v>771</v>
      </c>
      <c r="E21" s="21" t="s">
        <v>357</v>
      </c>
      <c r="F21" s="15" t="s">
        <v>37</v>
      </c>
      <c r="G21" s="15" t="s">
        <v>38</v>
      </c>
      <c r="H21" s="15" t="s">
        <v>39</v>
      </c>
      <c r="I21" s="15" t="s">
        <v>40</v>
      </c>
      <c r="J21" s="15" t="s">
        <v>770</v>
      </c>
      <c r="K21" s="15" t="s">
        <v>41</v>
      </c>
      <c r="L21" s="15" t="s">
        <v>42</v>
      </c>
      <c r="M21" s="15" t="s">
        <v>352</v>
      </c>
      <c r="N21" s="15" t="s">
        <v>43</v>
      </c>
      <c r="O21" s="15" t="s">
        <v>44</v>
      </c>
      <c r="P21" s="15" t="s">
        <v>45</v>
      </c>
      <c r="Q21" s="15" t="s">
        <v>46</v>
      </c>
      <c r="R21" s="15" t="s">
        <v>47</v>
      </c>
      <c r="S21" s="15" t="s">
        <v>48</v>
      </c>
      <c r="T21" s="15" t="s">
        <v>49</v>
      </c>
      <c r="U21" s="15" t="s">
        <v>257</v>
      </c>
      <c r="V21" s="15" t="s">
        <v>769</v>
      </c>
      <c r="W21" s="15" t="s">
        <v>50</v>
      </c>
      <c r="X21" s="21" t="s">
        <v>282</v>
      </c>
      <c r="Y21" s="15" t="s">
        <v>51</v>
      </c>
    </row>
    <row r="22" spans="1:25" ht="21.2" customHeight="1" x14ac:dyDescent="0.15">
      <c r="A22" s="13">
        <v>100</v>
      </c>
      <c r="B22" s="13">
        <v>99</v>
      </c>
      <c r="C22" s="13">
        <v>98</v>
      </c>
      <c r="D22" s="13">
        <v>97</v>
      </c>
      <c r="E22" s="13">
        <v>96</v>
      </c>
      <c r="F22" s="13">
        <v>95</v>
      </c>
      <c r="G22" s="13">
        <v>94</v>
      </c>
      <c r="H22" s="13">
        <v>93</v>
      </c>
      <c r="I22" s="13">
        <v>92</v>
      </c>
      <c r="J22" s="13">
        <v>91</v>
      </c>
      <c r="K22" s="13">
        <v>90</v>
      </c>
      <c r="L22" s="13">
        <v>89</v>
      </c>
      <c r="M22" s="13">
        <v>88</v>
      </c>
      <c r="N22" s="13">
        <v>87</v>
      </c>
      <c r="O22" s="13">
        <v>86</v>
      </c>
      <c r="P22" s="13">
        <v>85</v>
      </c>
      <c r="Q22" s="13">
        <v>84</v>
      </c>
      <c r="R22" s="13">
        <v>83</v>
      </c>
      <c r="S22" s="13">
        <v>82</v>
      </c>
      <c r="T22" s="13">
        <v>81</v>
      </c>
      <c r="U22" s="13">
        <v>80</v>
      </c>
      <c r="V22" s="13">
        <v>79</v>
      </c>
      <c r="W22" s="13">
        <v>78</v>
      </c>
      <c r="X22" s="13">
        <v>77</v>
      </c>
      <c r="Y22" s="13">
        <v>76</v>
      </c>
    </row>
    <row r="23" spans="1:25" ht="10.5" customHeight="1" x14ac:dyDescent="0.15">
      <c r="A23" s="14"/>
      <c r="B23" s="14"/>
      <c r="C23" s="14"/>
      <c r="D23" s="14"/>
      <c r="E23" s="14"/>
      <c r="F23" s="14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14"/>
    </row>
    <row r="24" spans="1:25" ht="240.95" customHeight="1" x14ac:dyDescent="0.15">
      <c r="A24" s="17" t="s">
        <v>777</v>
      </c>
      <c r="B24" s="17" t="s">
        <v>269</v>
      </c>
      <c r="C24" s="17" t="s">
        <v>264</v>
      </c>
      <c r="D24" s="17" t="s">
        <v>203</v>
      </c>
      <c r="E24" s="17" t="s">
        <v>202</v>
      </c>
      <c r="F24" s="17" t="s">
        <v>776</v>
      </c>
      <c r="G24" s="20" t="s">
        <v>263</v>
      </c>
      <c r="H24" s="17" t="s">
        <v>201</v>
      </c>
      <c r="I24" s="17" t="s">
        <v>775</v>
      </c>
      <c r="J24" s="17" t="s">
        <v>200</v>
      </c>
      <c r="K24" s="17" t="s">
        <v>199</v>
      </c>
      <c r="L24" s="17" t="s">
        <v>198</v>
      </c>
      <c r="M24" s="20" t="s">
        <v>336</v>
      </c>
      <c r="N24" s="17" t="s">
        <v>197</v>
      </c>
      <c r="O24" s="17" t="s">
        <v>196</v>
      </c>
      <c r="P24" s="17" t="s">
        <v>195</v>
      </c>
      <c r="Q24" s="17" t="s">
        <v>194</v>
      </c>
      <c r="R24" s="17" t="s">
        <v>193</v>
      </c>
      <c r="S24" s="17" t="s">
        <v>192</v>
      </c>
      <c r="T24" s="17" t="s">
        <v>774</v>
      </c>
      <c r="U24" s="17" t="s">
        <v>191</v>
      </c>
      <c r="V24" s="17" t="s">
        <v>335</v>
      </c>
      <c r="W24" s="17" t="s">
        <v>332</v>
      </c>
      <c r="X24" s="17" t="s">
        <v>773</v>
      </c>
      <c r="Y24" s="17" t="s">
        <v>190</v>
      </c>
    </row>
    <row r="25" spans="1:25" x14ac:dyDescent="0.15">
      <c r="A25" s="16"/>
      <c r="B25" s="16"/>
      <c r="C25" s="16"/>
      <c r="D25" s="16"/>
      <c r="E25" s="16"/>
      <c r="F25" s="16"/>
      <c r="G25" s="16"/>
      <c r="H25" s="16"/>
      <c r="I25" s="16"/>
      <c r="J25" s="16"/>
      <c r="K25" s="16"/>
      <c r="L25" s="16"/>
      <c r="M25" s="16"/>
      <c r="N25" s="16"/>
      <c r="O25" s="16"/>
      <c r="P25" s="16"/>
      <c r="Q25" s="16"/>
      <c r="R25" s="16"/>
      <c r="S25" s="16"/>
      <c r="T25" s="16"/>
      <c r="U25" s="16"/>
      <c r="V25" s="16"/>
      <c r="W25" s="16"/>
      <c r="X25" s="16"/>
      <c r="Y25" s="16"/>
    </row>
    <row r="26" spans="1:25" ht="21.2" customHeight="1" x14ac:dyDescent="0.15">
      <c r="A26" s="13">
        <v>100</v>
      </c>
      <c r="B26" s="13">
        <v>99</v>
      </c>
      <c r="C26" s="13">
        <v>98</v>
      </c>
      <c r="D26" s="13">
        <v>97</v>
      </c>
      <c r="E26" s="13">
        <v>96</v>
      </c>
      <c r="F26" s="13">
        <v>95</v>
      </c>
      <c r="G26" s="13">
        <v>94</v>
      </c>
      <c r="H26" s="13">
        <v>93</v>
      </c>
      <c r="I26" s="13">
        <v>92</v>
      </c>
      <c r="J26" s="13">
        <v>91</v>
      </c>
      <c r="K26" s="13">
        <v>90</v>
      </c>
      <c r="L26" s="13">
        <v>89</v>
      </c>
      <c r="M26" s="13">
        <v>88</v>
      </c>
      <c r="N26" s="13">
        <v>87</v>
      </c>
      <c r="O26" s="13">
        <v>86</v>
      </c>
      <c r="P26" s="13">
        <v>85</v>
      </c>
      <c r="Q26" s="13">
        <v>84</v>
      </c>
      <c r="R26" s="13">
        <v>83</v>
      </c>
      <c r="S26" s="13">
        <v>82</v>
      </c>
      <c r="T26" s="13">
        <v>81</v>
      </c>
      <c r="U26" s="13">
        <v>80</v>
      </c>
      <c r="V26" s="13">
        <v>79</v>
      </c>
      <c r="W26" s="13">
        <v>78</v>
      </c>
      <c r="X26" s="13">
        <v>77</v>
      </c>
      <c r="Y26" s="13">
        <v>76</v>
      </c>
    </row>
    <row r="27" spans="1:25" ht="10.5" customHeight="1" x14ac:dyDescent="0.15">
      <c r="A27" s="14"/>
      <c r="B27" s="14"/>
      <c r="C27" s="14"/>
      <c r="D27" s="14"/>
      <c r="E27" s="14"/>
      <c r="F27" s="14"/>
      <c r="G27" s="14"/>
      <c r="H27" s="14"/>
      <c r="I27" s="14"/>
      <c r="J27" s="14"/>
      <c r="K27" s="14"/>
      <c r="L27" s="14"/>
      <c r="M27" s="14"/>
      <c r="N27" s="14"/>
      <c r="O27" s="14"/>
      <c r="P27" s="14"/>
      <c r="Q27" s="14"/>
      <c r="R27" s="14"/>
      <c r="S27" s="14"/>
      <c r="T27" s="14"/>
      <c r="U27" s="14"/>
      <c r="V27" s="14"/>
      <c r="W27" s="14"/>
      <c r="X27" s="14"/>
      <c r="Y27" s="14"/>
    </row>
    <row r="28" spans="1:25" ht="240.95" customHeight="1" x14ac:dyDescent="0.15">
      <c r="A28" s="15" t="s">
        <v>782</v>
      </c>
      <c r="B28" s="15" t="s">
        <v>270</v>
      </c>
      <c r="C28" s="15" t="s">
        <v>259</v>
      </c>
      <c r="D28" s="15" t="s">
        <v>52</v>
      </c>
      <c r="E28" s="15" t="s">
        <v>53</v>
      </c>
      <c r="F28" s="15" t="s">
        <v>781</v>
      </c>
      <c r="G28" s="21" t="s">
        <v>258</v>
      </c>
      <c r="H28" s="15" t="s">
        <v>54</v>
      </c>
      <c r="I28" s="15" t="s">
        <v>780</v>
      </c>
      <c r="J28" s="15" t="s">
        <v>55</v>
      </c>
      <c r="K28" s="15" t="s">
        <v>56</v>
      </c>
      <c r="L28" s="15" t="s">
        <v>57</v>
      </c>
      <c r="M28" s="21" t="s">
        <v>337</v>
      </c>
      <c r="N28" s="15" t="s">
        <v>58</v>
      </c>
      <c r="O28" s="15" t="s">
        <v>59</v>
      </c>
      <c r="P28" s="15" t="s">
        <v>60</v>
      </c>
      <c r="Q28" s="15" t="s">
        <v>61</v>
      </c>
      <c r="R28" s="15" t="s">
        <v>62</v>
      </c>
      <c r="S28" s="15" t="s">
        <v>63</v>
      </c>
      <c r="T28" s="15" t="s">
        <v>779</v>
      </c>
      <c r="U28" s="15" t="s">
        <v>64</v>
      </c>
      <c r="V28" s="15" t="s">
        <v>334</v>
      </c>
      <c r="W28" s="15" t="s">
        <v>333</v>
      </c>
      <c r="X28" s="15" t="s">
        <v>778</v>
      </c>
      <c r="Y28" s="15" t="s">
        <v>65</v>
      </c>
    </row>
    <row r="29" spans="1:25" ht="21" customHeight="1" x14ac:dyDescent="0.15">
      <c r="A29" s="13">
        <v>125</v>
      </c>
      <c r="B29" s="13">
        <v>124</v>
      </c>
      <c r="C29" s="13">
        <v>123</v>
      </c>
      <c r="D29" s="13">
        <v>122</v>
      </c>
      <c r="E29" s="13">
        <v>121</v>
      </c>
      <c r="F29" s="13">
        <v>120</v>
      </c>
      <c r="G29" s="13">
        <v>119</v>
      </c>
      <c r="H29" s="13">
        <v>118</v>
      </c>
      <c r="I29" s="13">
        <v>117</v>
      </c>
      <c r="J29" s="13">
        <v>116</v>
      </c>
      <c r="K29" s="13">
        <v>115</v>
      </c>
      <c r="L29" s="13">
        <v>114</v>
      </c>
      <c r="M29" s="13">
        <v>113</v>
      </c>
      <c r="N29" s="13">
        <v>112</v>
      </c>
      <c r="O29" s="13">
        <v>111</v>
      </c>
      <c r="P29" s="13">
        <v>110</v>
      </c>
      <c r="Q29" s="13">
        <v>109</v>
      </c>
      <c r="R29" s="13">
        <v>108</v>
      </c>
      <c r="S29" s="13">
        <v>107</v>
      </c>
      <c r="T29" s="13">
        <v>106</v>
      </c>
      <c r="U29" s="13">
        <v>105</v>
      </c>
      <c r="V29" s="13">
        <v>104</v>
      </c>
      <c r="W29" s="13">
        <v>103</v>
      </c>
      <c r="X29" s="13">
        <v>102</v>
      </c>
      <c r="Y29" s="13">
        <v>101</v>
      </c>
    </row>
    <row r="30" spans="1:25" s="4" customFormat="1" ht="9.75" customHeight="1" x14ac:dyDescent="0.15">
      <c r="A30" s="14"/>
      <c r="B30" s="14"/>
      <c r="C30" s="14"/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  <c r="O30" s="14"/>
      <c r="P30" s="14"/>
      <c r="Q30" s="14"/>
      <c r="R30" s="14"/>
      <c r="S30" s="14"/>
      <c r="T30" s="14"/>
      <c r="U30" s="14"/>
      <c r="V30" s="14"/>
      <c r="W30" s="14"/>
      <c r="X30" s="14"/>
      <c r="Y30" s="14"/>
    </row>
    <row r="31" spans="1:25" ht="240.95" customHeight="1" x14ac:dyDescent="0.15">
      <c r="A31" s="15" t="s">
        <v>189</v>
      </c>
      <c r="B31" s="17" t="s">
        <v>795</v>
      </c>
      <c r="C31" s="20" t="s">
        <v>358</v>
      </c>
      <c r="D31" s="20" t="s">
        <v>294</v>
      </c>
      <c r="E31" s="17" t="s">
        <v>784</v>
      </c>
      <c r="F31" s="20" t="s">
        <v>291</v>
      </c>
      <c r="G31" s="17" t="s">
        <v>188</v>
      </c>
      <c r="H31" s="15" t="s">
        <v>783</v>
      </c>
      <c r="I31" s="20" t="s">
        <v>290</v>
      </c>
      <c r="J31" s="20" t="s">
        <v>288</v>
      </c>
      <c r="K31" s="20" t="s">
        <v>287</v>
      </c>
      <c r="L31" s="20" t="s">
        <v>338</v>
      </c>
      <c r="M31" s="17" t="s">
        <v>187</v>
      </c>
      <c r="N31" s="17" t="s">
        <v>186</v>
      </c>
      <c r="O31" s="17" t="s">
        <v>185</v>
      </c>
      <c r="P31" s="17" t="s">
        <v>184</v>
      </c>
      <c r="Q31" s="17" t="s">
        <v>183</v>
      </c>
      <c r="R31" s="17" t="s">
        <v>182</v>
      </c>
      <c r="S31" s="20" t="s">
        <v>284</v>
      </c>
      <c r="T31" s="17" t="s">
        <v>181</v>
      </c>
      <c r="U31" s="17" t="s">
        <v>180</v>
      </c>
      <c r="V31" s="17" t="s">
        <v>179</v>
      </c>
      <c r="W31" s="17" t="s">
        <v>178</v>
      </c>
      <c r="X31" s="17" t="s">
        <v>177</v>
      </c>
      <c r="Y31" s="17" t="s">
        <v>176</v>
      </c>
    </row>
    <row r="32" spans="1:25" x14ac:dyDescent="0.15">
      <c r="A32" s="16"/>
      <c r="B32" s="16"/>
      <c r="C32" s="16"/>
      <c r="D32" s="16"/>
      <c r="E32" s="16"/>
      <c r="F32" s="16"/>
      <c r="G32" s="16"/>
      <c r="H32" s="16"/>
      <c r="I32" s="16"/>
      <c r="J32" s="16"/>
      <c r="K32" s="16"/>
      <c r="L32" s="16"/>
      <c r="M32" s="16"/>
      <c r="N32" s="16"/>
      <c r="O32" s="16"/>
      <c r="P32" s="16"/>
      <c r="Q32" s="16"/>
      <c r="R32" s="16"/>
      <c r="S32" s="16"/>
      <c r="T32" s="16"/>
      <c r="U32" s="16"/>
      <c r="V32" s="16"/>
      <c r="W32" s="16"/>
      <c r="X32" s="16"/>
      <c r="Y32" s="16"/>
    </row>
    <row r="33" spans="1:25" ht="21" customHeight="1" x14ac:dyDescent="0.15">
      <c r="A33" s="13">
        <v>125</v>
      </c>
      <c r="B33" s="13">
        <v>124</v>
      </c>
      <c r="C33" s="13">
        <v>123</v>
      </c>
      <c r="D33" s="13">
        <v>122</v>
      </c>
      <c r="E33" s="13">
        <v>121</v>
      </c>
      <c r="F33" s="13">
        <v>120</v>
      </c>
      <c r="G33" s="13">
        <v>119</v>
      </c>
      <c r="H33" s="13">
        <v>118</v>
      </c>
      <c r="I33" s="13">
        <v>117</v>
      </c>
      <c r="J33" s="13">
        <v>116</v>
      </c>
      <c r="K33" s="13">
        <v>115</v>
      </c>
      <c r="L33" s="13">
        <v>114</v>
      </c>
      <c r="M33" s="13">
        <v>113</v>
      </c>
      <c r="N33" s="13">
        <v>112</v>
      </c>
      <c r="O33" s="13">
        <v>111</v>
      </c>
      <c r="P33" s="13">
        <v>110</v>
      </c>
      <c r="Q33" s="13">
        <v>109</v>
      </c>
      <c r="R33" s="13">
        <v>108</v>
      </c>
      <c r="S33" s="13">
        <v>107</v>
      </c>
      <c r="T33" s="13">
        <v>106</v>
      </c>
      <c r="U33" s="13">
        <v>105</v>
      </c>
      <c r="V33" s="13">
        <v>104</v>
      </c>
      <c r="W33" s="13">
        <v>103</v>
      </c>
      <c r="X33" s="13">
        <v>102</v>
      </c>
      <c r="Y33" s="13">
        <v>101</v>
      </c>
    </row>
    <row r="34" spans="1:25" s="4" customFormat="1" ht="9.75" customHeight="1" x14ac:dyDescent="0.15">
      <c r="A34" s="14"/>
      <c r="B34" s="14"/>
      <c r="C34" s="14"/>
      <c r="D34" s="14"/>
      <c r="E34" s="14"/>
      <c r="F34" s="14"/>
      <c r="G34" s="14"/>
      <c r="H34" s="14"/>
      <c r="I34" s="14"/>
      <c r="J34" s="14"/>
      <c r="K34" s="14"/>
      <c r="L34" s="14"/>
      <c r="M34" s="14"/>
      <c r="N34" s="14"/>
      <c r="O34" s="14"/>
      <c r="P34" s="14"/>
      <c r="Q34" s="14"/>
      <c r="R34" s="14"/>
      <c r="S34" s="14"/>
      <c r="T34" s="14"/>
      <c r="U34" s="14"/>
      <c r="V34" s="14"/>
      <c r="W34" s="14"/>
      <c r="X34" s="14"/>
      <c r="Y34" s="14"/>
    </row>
    <row r="35" spans="1:25" ht="240.95" customHeight="1" x14ac:dyDescent="0.15">
      <c r="A35" s="15" t="s">
        <v>66</v>
      </c>
      <c r="B35" s="15" t="s">
        <v>266</v>
      </c>
      <c r="C35" s="21" t="s">
        <v>295</v>
      </c>
      <c r="D35" s="21" t="s">
        <v>293</v>
      </c>
      <c r="E35" s="15" t="s">
        <v>786</v>
      </c>
      <c r="F35" s="21" t="s">
        <v>292</v>
      </c>
      <c r="G35" s="15" t="s">
        <v>122</v>
      </c>
      <c r="H35" s="15" t="s">
        <v>785</v>
      </c>
      <c r="I35" s="21" t="s">
        <v>796</v>
      </c>
      <c r="J35" s="21" t="s">
        <v>289</v>
      </c>
      <c r="K35" s="21" t="s">
        <v>286</v>
      </c>
      <c r="L35" s="21" t="s">
        <v>339</v>
      </c>
      <c r="M35" s="15" t="s">
        <v>67</v>
      </c>
      <c r="N35" s="15" t="s">
        <v>68</v>
      </c>
      <c r="O35" s="15" t="s">
        <v>69</v>
      </c>
      <c r="P35" s="15" t="s">
        <v>70</v>
      </c>
      <c r="Q35" s="15" t="s">
        <v>71</v>
      </c>
      <c r="R35" s="15" t="s">
        <v>72</v>
      </c>
      <c r="S35" s="21" t="s">
        <v>285</v>
      </c>
      <c r="T35" s="15" t="s">
        <v>73</v>
      </c>
      <c r="U35" s="15" t="s">
        <v>74</v>
      </c>
      <c r="V35" s="15" t="s">
        <v>75</v>
      </c>
      <c r="W35" s="15" t="s">
        <v>76</v>
      </c>
      <c r="X35" s="15" t="s">
        <v>77</v>
      </c>
      <c r="Y35" s="15" t="s">
        <v>78</v>
      </c>
    </row>
    <row r="36" spans="1:25" ht="21" customHeight="1" x14ac:dyDescent="0.15">
      <c r="A36" s="13">
        <v>150</v>
      </c>
      <c r="B36" s="13">
        <v>149</v>
      </c>
      <c r="C36" s="13">
        <v>148</v>
      </c>
      <c r="D36" s="13">
        <v>147</v>
      </c>
      <c r="E36" s="13">
        <v>146</v>
      </c>
      <c r="F36" s="13">
        <v>145</v>
      </c>
      <c r="G36" s="13">
        <v>144</v>
      </c>
      <c r="H36" s="13">
        <v>143</v>
      </c>
      <c r="I36" s="13">
        <v>142</v>
      </c>
      <c r="J36" s="13">
        <v>141</v>
      </c>
      <c r="K36" s="13">
        <v>140</v>
      </c>
      <c r="L36" s="13">
        <v>139</v>
      </c>
      <c r="M36" s="13">
        <v>138</v>
      </c>
      <c r="N36" s="13">
        <v>137</v>
      </c>
      <c r="O36" s="13">
        <v>136</v>
      </c>
      <c r="P36" s="13">
        <v>135</v>
      </c>
      <c r="Q36" s="13">
        <v>134</v>
      </c>
      <c r="R36" s="13">
        <v>133</v>
      </c>
      <c r="S36" s="13">
        <v>132</v>
      </c>
      <c r="T36" s="13">
        <v>131</v>
      </c>
      <c r="U36" s="13">
        <v>130</v>
      </c>
      <c r="V36" s="13">
        <v>129</v>
      </c>
      <c r="W36" s="13">
        <v>128</v>
      </c>
      <c r="X36" s="13">
        <v>127</v>
      </c>
      <c r="Y36" s="13">
        <v>126</v>
      </c>
    </row>
    <row r="37" spans="1:25" ht="10.5" customHeight="1" x14ac:dyDescent="0.15">
      <c r="A37" s="14"/>
      <c r="B37" s="14"/>
      <c r="C37" s="14"/>
      <c r="D37" s="14"/>
      <c r="E37" s="14"/>
      <c r="F37" s="14"/>
      <c r="G37" s="14"/>
      <c r="H37" s="14"/>
      <c r="I37" s="14"/>
      <c r="J37" s="14"/>
      <c r="K37" s="14"/>
      <c r="L37" s="14"/>
      <c r="M37" s="14"/>
      <c r="N37" s="14"/>
      <c r="O37" s="14"/>
      <c r="P37" s="14"/>
      <c r="Q37" s="14"/>
      <c r="R37" s="14"/>
      <c r="S37" s="14"/>
      <c r="T37" s="14"/>
      <c r="U37" s="14"/>
      <c r="V37" s="14"/>
      <c r="W37" s="14"/>
      <c r="X37" s="14"/>
      <c r="Y37" s="14"/>
    </row>
    <row r="38" spans="1:25" ht="240.95" customHeight="1" x14ac:dyDescent="0.15">
      <c r="A38" s="17" t="s">
        <v>175</v>
      </c>
      <c r="B38" s="20" t="s">
        <v>310</v>
      </c>
      <c r="C38" s="17" t="s">
        <v>174</v>
      </c>
      <c r="D38" s="17" t="s">
        <v>173</v>
      </c>
      <c r="E38" s="17" t="s">
        <v>172</v>
      </c>
      <c r="F38" s="17" t="s">
        <v>171</v>
      </c>
      <c r="G38" s="17" t="s">
        <v>170</v>
      </c>
      <c r="H38" s="17" t="s">
        <v>169</v>
      </c>
      <c r="I38" s="17" t="s">
        <v>168</v>
      </c>
      <c r="J38" s="20" t="s">
        <v>340</v>
      </c>
      <c r="K38" s="20" t="s">
        <v>317</v>
      </c>
      <c r="L38" s="17" t="s">
        <v>265</v>
      </c>
      <c r="M38" s="20" t="s">
        <v>308</v>
      </c>
      <c r="N38" s="20" t="s">
        <v>307</v>
      </c>
      <c r="O38" s="17" t="s">
        <v>167</v>
      </c>
      <c r="P38" s="20" t="s">
        <v>305</v>
      </c>
      <c r="Q38" s="17" t="s">
        <v>787</v>
      </c>
      <c r="R38" s="17" t="s">
        <v>166</v>
      </c>
      <c r="S38" s="20" t="s">
        <v>302</v>
      </c>
      <c r="T38" s="20" t="s">
        <v>300</v>
      </c>
      <c r="U38" s="17" t="s">
        <v>165</v>
      </c>
      <c r="V38" s="20" t="s">
        <v>297</v>
      </c>
      <c r="W38" s="17" t="s">
        <v>271</v>
      </c>
      <c r="X38" s="17" t="s">
        <v>272</v>
      </c>
      <c r="Y38" s="20" t="s">
        <v>296</v>
      </c>
    </row>
    <row r="39" spans="1:25" x14ac:dyDescent="0.15">
      <c r="A39" s="16"/>
      <c r="B39" s="16"/>
      <c r="C39" s="16"/>
      <c r="D39" s="16"/>
      <c r="E39" s="16"/>
      <c r="F39" s="16"/>
      <c r="G39" s="16"/>
      <c r="H39" s="16"/>
      <c r="I39" s="16"/>
      <c r="J39" s="16"/>
      <c r="K39" s="16"/>
      <c r="L39" s="16"/>
      <c r="M39" s="16"/>
      <c r="N39" s="16"/>
      <c r="O39" s="16"/>
      <c r="P39" s="16"/>
      <c r="Q39" s="16"/>
      <c r="R39" s="16"/>
      <c r="S39" s="16"/>
      <c r="T39" s="6"/>
      <c r="U39" s="6"/>
      <c r="V39" s="6"/>
      <c r="W39" s="6"/>
      <c r="X39" s="6"/>
      <c r="Y39" s="6"/>
    </row>
    <row r="40" spans="1:25" ht="21" customHeight="1" x14ac:dyDescent="0.15">
      <c r="A40" s="13">
        <v>150</v>
      </c>
      <c r="B40" s="13">
        <v>149</v>
      </c>
      <c r="C40" s="13">
        <v>148</v>
      </c>
      <c r="D40" s="13">
        <v>147</v>
      </c>
      <c r="E40" s="13">
        <v>146</v>
      </c>
      <c r="F40" s="13">
        <v>145</v>
      </c>
      <c r="G40" s="13">
        <v>144</v>
      </c>
      <c r="H40" s="13">
        <v>143</v>
      </c>
      <c r="I40" s="13">
        <v>142</v>
      </c>
      <c r="J40" s="13">
        <v>141</v>
      </c>
      <c r="K40" s="13">
        <v>140</v>
      </c>
      <c r="L40" s="13">
        <v>139</v>
      </c>
      <c r="M40" s="13">
        <v>138</v>
      </c>
      <c r="N40" s="13">
        <v>137</v>
      </c>
      <c r="O40" s="13">
        <v>136</v>
      </c>
      <c r="P40" s="13">
        <v>135</v>
      </c>
      <c r="Q40" s="13">
        <v>134</v>
      </c>
      <c r="R40" s="13">
        <v>133</v>
      </c>
      <c r="S40" s="13">
        <v>132</v>
      </c>
      <c r="T40" s="13">
        <v>131</v>
      </c>
      <c r="U40" s="13">
        <v>130</v>
      </c>
      <c r="V40" s="13">
        <v>129</v>
      </c>
      <c r="W40" s="13">
        <v>128</v>
      </c>
      <c r="X40" s="13">
        <v>127</v>
      </c>
      <c r="Y40" s="13">
        <v>126</v>
      </c>
    </row>
    <row r="41" spans="1:25" ht="10.5" customHeight="1" x14ac:dyDescent="0.15">
      <c r="A41" s="14"/>
      <c r="B41" s="14"/>
      <c r="C41" s="14"/>
      <c r="D41" s="14"/>
      <c r="E41" s="14"/>
      <c r="F41" s="14"/>
      <c r="G41" s="14"/>
      <c r="H41" s="14"/>
      <c r="I41" s="14"/>
      <c r="J41" s="14"/>
      <c r="K41" s="14"/>
      <c r="L41" s="14"/>
      <c r="M41" s="14"/>
      <c r="N41" s="14"/>
      <c r="O41" s="14"/>
      <c r="P41" s="14"/>
      <c r="Q41" s="14"/>
      <c r="R41" s="14"/>
      <c r="S41" s="14"/>
      <c r="T41" s="14"/>
      <c r="U41" s="14"/>
      <c r="V41" s="14"/>
      <c r="W41" s="14"/>
      <c r="X41" s="14"/>
      <c r="Y41" s="14"/>
    </row>
    <row r="42" spans="1:25" ht="240.95" customHeight="1" x14ac:dyDescent="0.15">
      <c r="A42" s="15" t="s">
        <v>79</v>
      </c>
      <c r="B42" s="21" t="s">
        <v>311</v>
      </c>
      <c r="C42" s="15" t="s">
        <v>80</v>
      </c>
      <c r="D42" s="15" t="s">
        <v>81</v>
      </c>
      <c r="E42" s="15" t="s">
        <v>82</v>
      </c>
      <c r="F42" s="15" t="s">
        <v>83</v>
      </c>
      <c r="G42" s="15" t="s">
        <v>84</v>
      </c>
      <c r="H42" s="15" t="s">
        <v>85</v>
      </c>
      <c r="I42" s="15" t="s">
        <v>128</v>
      </c>
      <c r="J42" s="21" t="s">
        <v>341</v>
      </c>
      <c r="K42" s="21" t="s">
        <v>316</v>
      </c>
      <c r="L42" s="15" t="s">
        <v>260</v>
      </c>
      <c r="M42" s="21" t="s">
        <v>309</v>
      </c>
      <c r="N42" s="21" t="s">
        <v>306</v>
      </c>
      <c r="O42" s="15" t="s">
        <v>125</v>
      </c>
      <c r="P42" s="21" t="s">
        <v>304</v>
      </c>
      <c r="Q42" s="15" t="s">
        <v>788</v>
      </c>
      <c r="R42" s="15" t="s">
        <v>86</v>
      </c>
      <c r="S42" s="21" t="s">
        <v>303</v>
      </c>
      <c r="T42" s="21" t="s">
        <v>301</v>
      </c>
      <c r="U42" s="15" t="s">
        <v>124</v>
      </c>
      <c r="V42" s="21" t="s">
        <v>299</v>
      </c>
      <c r="W42" s="15" t="s">
        <v>123</v>
      </c>
      <c r="X42" s="15" t="s">
        <v>127</v>
      </c>
      <c r="Y42" s="21" t="s">
        <v>298</v>
      </c>
    </row>
    <row r="43" spans="1:25" ht="21" customHeight="1" x14ac:dyDescent="0.15">
      <c r="A43" s="13">
        <v>175</v>
      </c>
      <c r="B43" s="13">
        <v>174</v>
      </c>
      <c r="C43" s="13">
        <v>173</v>
      </c>
      <c r="D43" s="13">
        <v>172</v>
      </c>
      <c r="E43" s="13">
        <v>171</v>
      </c>
      <c r="F43" s="13">
        <v>170</v>
      </c>
      <c r="G43" s="13">
        <v>169</v>
      </c>
      <c r="H43" s="13">
        <v>168</v>
      </c>
      <c r="I43" s="13">
        <v>167</v>
      </c>
      <c r="J43" s="13">
        <v>166</v>
      </c>
      <c r="K43" s="13">
        <v>165</v>
      </c>
      <c r="L43" s="13">
        <v>164</v>
      </c>
      <c r="M43" s="13">
        <v>163</v>
      </c>
      <c r="N43" s="13">
        <v>162</v>
      </c>
      <c r="O43" s="13">
        <v>161</v>
      </c>
      <c r="P43" s="13">
        <v>160</v>
      </c>
      <c r="Q43" s="13">
        <v>159</v>
      </c>
      <c r="R43" s="13">
        <v>158</v>
      </c>
      <c r="S43" s="13">
        <v>157</v>
      </c>
      <c r="T43" s="13">
        <v>156</v>
      </c>
      <c r="U43" s="13">
        <v>155</v>
      </c>
      <c r="V43" s="13">
        <v>154</v>
      </c>
      <c r="W43" s="13">
        <v>153</v>
      </c>
      <c r="X43" s="13">
        <v>152</v>
      </c>
      <c r="Y43" s="13">
        <v>151</v>
      </c>
    </row>
    <row r="44" spans="1:25" s="4" customFormat="1" ht="9.75" customHeight="1" x14ac:dyDescent="0.15">
      <c r="A44" s="14"/>
      <c r="B44" s="14"/>
      <c r="C44" s="14"/>
      <c r="D44" s="14"/>
      <c r="E44" s="14"/>
      <c r="F44" s="14"/>
      <c r="G44" s="14"/>
      <c r="H44" s="14"/>
      <c r="I44" s="14"/>
      <c r="J44" s="14"/>
      <c r="K44" s="14"/>
      <c r="L44" s="14"/>
      <c r="M44" s="14"/>
      <c r="N44" s="14"/>
      <c r="O44" s="14"/>
      <c r="P44" s="14"/>
      <c r="Q44" s="14"/>
      <c r="R44" s="14"/>
      <c r="S44" s="14"/>
      <c r="T44" s="14"/>
      <c r="U44" s="14"/>
      <c r="V44" s="14"/>
      <c r="W44" s="14"/>
      <c r="X44" s="14"/>
      <c r="Y44" s="14"/>
    </row>
    <row r="45" spans="1:25" ht="240.95" customHeight="1" x14ac:dyDescent="0.15">
      <c r="A45" s="17" t="s">
        <v>164</v>
      </c>
      <c r="B45" s="17" t="s">
        <v>163</v>
      </c>
      <c r="C45" s="17" t="s">
        <v>162</v>
      </c>
      <c r="D45" s="17" t="s">
        <v>161</v>
      </c>
      <c r="E45" s="20" t="s">
        <v>346</v>
      </c>
      <c r="F45" s="17" t="s">
        <v>160</v>
      </c>
      <c r="G45" s="17" t="s">
        <v>789</v>
      </c>
      <c r="H45" s="20" t="s">
        <v>343</v>
      </c>
      <c r="I45" s="17" t="s">
        <v>312</v>
      </c>
      <c r="J45" s="17" t="s">
        <v>159</v>
      </c>
      <c r="K45" s="17" t="s">
        <v>158</v>
      </c>
      <c r="L45" s="20" t="s">
        <v>319</v>
      </c>
      <c r="M45" s="17" t="s">
        <v>157</v>
      </c>
      <c r="N45" s="17" t="s">
        <v>156</v>
      </c>
      <c r="O45" s="20" t="s">
        <v>274</v>
      </c>
      <c r="P45" s="17" t="s">
        <v>155</v>
      </c>
      <c r="Q45" s="17" t="s">
        <v>154</v>
      </c>
      <c r="R45" s="17" t="s">
        <v>153</v>
      </c>
      <c r="S45" s="17" t="s">
        <v>152</v>
      </c>
      <c r="T45" s="20" t="s">
        <v>349</v>
      </c>
      <c r="U45" s="17" t="s">
        <v>151</v>
      </c>
      <c r="V45" s="17" t="s">
        <v>150</v>
      </c>
      <c r="W45" s="17" t="s">
        <v>149</v>
      </c>
      <c r="X45" s="17" t="s">
        <v>791</v>
      </c>
      <c r="Y45" s="17" t="s">
        <v>148</v>
      </c>
    </row>
    <row r="46" spans="1:25" x14ac:dyDescent="0.15">
      <c r="A46" s="16"/>
      <c r="B46" s="16"/>
      <c r="C46" s="16"/>
      <c r="D46" s="16"/>
      <c r="E46" s="16"/>
      <c r="F46" s="16"/>
      <c r="G46" s="16"/>
      <c r="H46" s="16"/>
      <c r="I46" s="16"/>
      <c r="J46" s="16"/>
      <c r="K46" s="16"/>
      <c r="L46" s="16"/>
      <c r="M46" s="16"/>
      <c r="N46" s="16"/>
      <c r="O46" s="16"/>
      <c r="P46" s="16"/>
      <c r="Q46" s="16"/>
      <c r="R46" s="16"/>
      <c r="S46" s="16"/>
      <c r="T46" s="16"/>
      <c r="U46" s="16"/>
      <c r="V46" s="16"/>
      <c r="W46" s="6"/>
      <c r="X46" s="6"/>
      <c r="Y46" s="6"/>
    </row>
    <row r="47" spans="1:25" s="9" customFormat="1" ht="21" customHeight="1" x14ac:dyDescent="0.15">
      <c r="A47" s="12">
        <v>175</v>
      </c>
      <c r="B47" s="12">
        <v>174</v>
      </c>
      <c r="C47" s="12">
        <v>173</v>
      </c>
      <c r="D47" s="12">
        <v>172</v>
      </c>
      <c r="E47" s="12">
        <v>171</v>
      </c>
      <c r="F47" s="12">
        <v>170</v>
      </c>
      <c r="G47" s="12">
        <v>169</v>
      </c>
      <c r="H47" s="12">
        <v>168</v>
      </c>
      <c r="I47" s="12">
        <v>167</v>
      </c>
      <c r="J47" s="12">
        <v>166</v>
      </c>
      <c r="K47" s="12">
        <v>165</v>
      </c>
      <c r="L47" s="12">
        <v>164</v>
      </c>
      <c r="M47" s="12">
        <v>163</v>
      </c>
      <c r="N47" s="12">
        <v>162</v>
      </c>
      <c r="O47" s="12">
        <v>161</v>
      </c>
      <c r="P47" s="12">
        <v>160</v>
      </c>
      <c r="Q47" s="12">
        <v>159</v>
      </c>
      <c r="R47" s="12">
        <v>158</v>
      </c>
      <c r="S47" s="12">
        <v>157</v>
      </c>
      <c r="T47" s="12">
        <v>156</v>
      </c>
      <c r="U47" s="12">
        <v>155</v>
      </c>
      <c r="V47" s="12">
        <v>154</v>
      </c>
      <c r="W47" s="12">
        <v>153</v>
      </c>
      <c r="X47" s="12">
        <v>152</v>
      </c>
      <c r="Y47" s="12">
        <v>151</v>
      </c>
    </row>
    <row r="48" spans="1:25" s="9" customFormat="1" ht="9.75" customHeight="1" x14ac:dyDescent="0.15">
      <c r="A48" s="22"/>
      <c r="B48" s="22"/>
      <c r="C48" s="22"/>
      <c r="D48" s="22"/>
      <c r="E48" s="22"/>
      <c r="F48" s="22"/>
      <c r="G48" s="22"/>
      <c r="H48" s="22"/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2"/>
      <c r="T48" s="22"/>
      <c r="U48" s="22"/>
      <c r="V48" s="22"/>
      <c r="W48" s="22"/>
      <c r="X48" s="22"/>
      <c r="Y48" s="22"/>
    </row>
    <row r="49" spans="1:25" s="9" customFormat="1" ht="240.95" customHeight="1" x14ac:dyDescent="0.15">
      <c r="A49" s="17" t="s">
        <v>87</v>
      </c>
      <c r="B49" s="17" t="s">
        <v>88</v>
      </c>
      <c r="C49" s="17" t="s">
        <v>89</v>
      </c>
      <c r="D49" s="17" t="s">
        <v>90</v>
      </c>
      <c r="E49" s="20" t="s">
        <v>347</v>
      </c>
      <c r="F49" s="17" t="s">
        <v>91</v>
      </c>
      <c r="G49" s="17" t="s">
        <v>790</v>
      </c>
      <c r="H49" s="20" t="s">
        <v>344</v>
      </c>
      <c r="I49" s="20" t="s">
        <v>313</v>
      </c>
      <c r="J49" s="17" t="s">
        <v>92</v>
      </c>
      <c r="K49" s="17" t="s">
        <v>93</v>
      </c>
      <c r="L49" s="20" t="s">
        <v>318</v>
      </c>
      <c r="M49" s="17" t="s">
        <v>94</v>
      </c>
      <c r="N49" s="17" t="s">
        <v>95</v>
      </c>
      <c r="O49" s="23" t="s">
        <v>273</v>
      </c>
      <c r="P49" s="17" t="s">
        <v>96</v>
      </c>
      <c r="Q49" s="17" t="s">
        <v>97</v>
      </c>
      <c r="R49" s="17" t="s">
        <v>98</v>
      </c>
      <c r="S49" s="17" t="s">
        <v>99</v>
      </c>
      <c r="T49" s="20" t="s">
        <v>348</v>
      </c>
      <c r="U49" s="17" t="s">
        <v>100</v>
      </c>
      <c r="V49" s="17" t="s">
        <v>101</v>
      </c>
      <c r="W49" s="17" t="s">
        <v>102</v>
      </c>
      <c r="X49" s="17" t="s">
        <v>792</v>
      </c>
      <c r="Y49" s="17" t="s">
        <v>103</v>
      </c>
    </row>
    <row r="50" spans="1:25" ht="21" customHeight="1" x14ac:dyDescent="0.15">
      <c r="A50" s="13">
        <v>200</v>
      </c>
      <c r="B50" s="13">
        <v>199</v>
      </c>
      <c r="C50" s="13">
        <v>198</v>
      </c>
      <c r="D50" s="13">
        <v>197</v>
      </c>
      <c r="E50" s="13">
        <v>196</v>
      </c>
      <c r="F50" s="13">
        <v>195</v>
      </c>
      <c r="G50" s="13">
        <v>194</v>
      </c>
      <c r="H50" s="13">
        <v>193</v>
      </c>
      <c r="I50" s="13">
        <v>192</v>
      </c>
      <c r="J50" s="13">
        <v>191</v>
      </c>
      <c r="K50" s="13">
        <v>190</v>
      </c>
      <c r="L50" s="13">
        <v>189</v>
      </c>
      <c r="M50" s="13">
        <v>188</v>
      </c>
      <c r="N50" s="13">
        <v>187</v>
      </c>
      <c r="O50" s="13">
        <v>186</v>
      </c>
      <c r="P50" s="13">
        <v>185</v>
      </c>
      <c r="Q50" s="13">
        <v>184</v>
      </c>
      <c r="R50" s="13">
        <v>183</v>
      </c>
      <c r="S50" s="13">
        <v>182</v>
      </c>
      <c r="T50" s="13">
        <v>181</v>
      </c>
      <c r="U50" s="13">
        <v>180</v>
      </c>
      <c r="V50" s="13">
        <v>179</v>
      </c>
      <c r="W50" s="13">
        <v>178</v>
      </c>
      <c r="X50" s="13">
        <v>177</v>
      </c>
      <c r="Y50" s="13">
        <v>176</v>
      </c>
    </row>
    <row r="51" spans="1:25" ht="10.5" customHeight="1" x14ac:dyDescent="0.15">
      <c r="A51" s="14"/>
      <c r="B51" s="14"/>
      <c r="C51" s="14"/>
      <c r="D51" s="14"/>
      <c r="E51" s="14"/>
      <c r="F51" s="14"/>
      <c r="G51" s="14"/>
      <c r="H51" s="14"/>
      <c r="I51" s="14"/>
      <c r="J51" s="14"/>
      <c r="K51" s="14"/>
      <c r="L51" s="14"/>
      <c r="M51" s="14"/>
      <c r="N51" s="14"/>
      <c r="O51" s="14"/>
      <c r="P51" s="14"/>
      <c r="Q51" s="14"/>
      <c r="R51" s="14"/>
      <c r="S51" s="14"/>
      <c r="T51" s="14"/>
      <c r="U51" s="14"/>
      <c r="V51" s="14"/>
      <c r="W51" s="14"/>
      <c r="X51" s="14"/>
      <c r="Y51" s="14"/>
    </row>
    <row r="52" spans="1:25" ht="240.95" customHeight="1" x14ac:dyDescent="0.15">
      <c r="A52" s="17" t="s">
        <v>147</v>
      </c>
      <c r="B52" s="17" t="s">
        <v>146</v>
      </c>
      <c r="C52" s="17" t="s">
        <v>793</v>
      </c>
      <c r="D52" s="20" t="s">
        <v>354</v>
      </c>
      <c r="E52" s="17" t="s">
        <v>145</v>
      </c>
      <c r="F52" s="20" t="s">
        <v>345</v>
      </c>
      <c r="G52" s="17" t="s">
        <v>144</v>
      </c>
      <c r="H52" s="17" t="s">
        <v>143</v>
      </c>
      <c r="I52" s="20" t="s">
        <v>321</v>
      </c>
      <c r="J52" s="17" t="s">
        <v>142</v>
      </c>
      <c r="K52" s="17" t="s">
        <v>141</v>
      </c>
      <c r="L52" s="17" t="s">
        <v>140</v>
      </c>
      <c r="M52" s="17" t="s">
        <v>139</v>
      </c>
      <c r="N52" s="17" t="s">
        <v>138</v>
      </c>
      <c r="O52" s="17" t="s">
        <v>267</v>
      </c>
      <c r="P52" s="20" t="s">
        <v>314</v>
      </c>
      <c r="Q52" s="17" t="s">
        <v>137</v>
      </c>
      <c r="R52" s="17" t="s">
        <v>136</v>
      </c>
      <c r="S52" s="17" t="s">
        <v>135</v>
      </c>
      <c r="T52" s="17" t="s">
        <v>134</v>
      </c>
      <c r="U52" s="17" t="s">
        <v>133</v>
      </c>
      <c r="V52" s="17" t="s">
        <v>132</v>
      </c>
      <c r="W52" s="17" t="s">
        <v>131</v>
      </c>
      <c r="X52" s="17" t="s">
        <v>130</v>
      </c>
      <c r="Y52" s="17" t="s">
        <v>129</v>
      </c>
    </row>
    <row r="53" spans="1:25" s="9" customFormat="1" x14ac:dyDescent="0.15">
      <c r="A53" s="11"/>
      <c r="B53" s="11"/>
      <c r="C53" s="11"/>
      <c r="D53" s="11"/>
      <c r="E53" s="11"/>
      <c r="F53" s="11"/>
      <c r="G53" s="11"/>
      <c r="H53" s="11"/>
      <c r="I53" s="11"/>
      <c r="J53" s="11"/>
      <c r="K53" s="11"/>
      <c r="L53" s="11"/>
      <c r="M53" s="11"/>
      <c r="N53" s="11"/>
      <c r="O53" s="11"/>
      <c r="P53" s="11"/>
      <c r="Q53" s="11"/>
      <c r="R53" s="11"/>
      <c r="S53" s="11"/>
      <c r="T53" s="11"/>
      <c r="U53" s="11"/>
      <c r="V53" s="11"/>
      <c r="W53" s="11"/>
      <c r="X53" s="11"/>
      <c r="Y53" s="11"/>
    </row>
    <row r="54" spans="1:25" s="9" customFormat="1" ht="21" customHeight="1" x14ac:dyDescent="0.15">
      <c r="A54" s="12">
        <v>200</v>
      </c>
      <c r="B54" s="12">
        <v>199</v>
      </c>
      <c r="C54" s="12">
        <v>198</v>
      </c>
      <c r="D54" s="12">
        <v>197</v>
      </c>
      <c r="E54" s="12">
        <v>196</v>
      </c>
      <c r="F54" s="12">
        <v>195</v>
      </c>
      <c r="G54" s="12">
        <v>194</v>
      </c>
      <c r="H54" s="12">
        <v>193</v>
      </c>
      <c r="I54" s="12">
        <v>192</v>
      </c>
      <c r="J54" s="12">
        <v>191</v>
      </c>
      <c r="K54" s="12">
        <v>190</v>
      </c>
      <c r="L54" s="12">
        <v>189</v>
      </c>
      <c r="M54" s="12">
        <v>188</v>
      </c>
      <c r="N54" s="12">
        <v>187</v>
      </c>
      <c r="O54" s="12">
        <v>186</v>
      </c>
      <c r="P54" s="12">
        <v>185</v>
      </c>
      <c r="Q54" s="12">
        <v>184</v>
      </c>
      <c r="R54" s="12">
        <v>183</v>
      </c>
      <c r="S54" s="12">
        <v>182</v>
      </c>
      <c r="T54" s="12">
        <v>181</v>
      </c>
      <c r="U54" s="12">
        <v>180</v>
      </c>
      <c r="V54" s="12">
        <v>179</v>
      </c>
      <c r="W54" s="12">
        <v>178</v>
      </c>
      <c r="X54" s="12">
        <v>177</v>
      </c>
      <c r="Y54" s="12">
        <v>176</v>
      </c>
    </row>
    <row r="55" spans="1:25" s="9" customFormat="1" ht="10.5" customHeight="1" x14ac:dyDescent="0.15">
      <c r="A55" s="22"/>
      <c r="B55" s="22"/>
      <c r="C55" s="22"/>
      <c r="D55" s="22"/>
      <c r="E55" s="22"/>
      <c r="F55" s="22"/>
      <c r="G55" s="22"/>
      <c r="H55" s="22"/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2"/>
      <c r="T55" s="22"/>
      <c r="U55" s="22"/>
      <c r="V55" s="22"/>
      <c r="W55" s="22"/>
      <c r="X55" s="22"/>
      <c r="Y55" s="22"/>
    </row>
    <row r="56" spans="1:25" s="9" customFormat="1" ht="240.95" customHeight="1" x14ac:dyDescent="0.15">
      <c r="A56" s="17" t="s">
        <v>104</v>
      </c>
      <c r="B56" s="17" t="s">
        <v>105</v>
      </c>
      <c r="C56" s="40" t="s">
        <v>794</v>
      </c>
      <c r="D56" s="17" t="s">
        <v>355</v>
      </c>
      <c r="E56" s="17" t="s">
        <v>106</v>
      </c>
      <c r="F56" s="17" t="s">
        <v>342</v>
      </c>
      <c r="G56" s="17" t="s">
        <v>107</v>
      </c>
      <c r="H56" s="17" t="s">
        <v>108</v>
      </c>
      <c r="I56" s="20" t="s">
        <v>320</v>
      </c>
      <c r="J56" s="17" t="s">
        <v>126</v>
      </c>
      <c r="K56" s="17" t="s">
        <v>109</v>
      </c>
      <c r="L56" s="17" t="s">
        <v>110</v>
      </c>
      <c r="M56" s="17" t="s">
        <v>111</v>
      </c>
      <c r="N56" s="17" t="s">
        <v>112</v>
      </c>
      <c r="O56" s="20" t="s">
        <v>268</v>
      </c>
      <c r="P56" s="20" t="s">
        <v>315</v>
      </c>
      <c r="Q56" s="17" t="s">
        <v>113</v>
      </c>
      <c r="R56" s="17" t="s">
        <v>114</v>
      </c>
      <c r="S56" s="17" t="s">
        <v>115</v>
      </c>
      <c r="T56" s="17" t="s">
        <v>116</v>
      </c>
      <c r="U56" s="20" t="s">
        <v>117</v>
      </c>
      <c r="V56" s="17" t="s">
        <v>118</v>
      </c>
      <c r="W56" s="17" t="s">
        <v>119</v>
      </c>
      <c r="X56" s="17" t="s">
        <v>120</v>
      </c>
      <c r="Y56" s="17" t="s">
        <v>121</v>
      </c>
    </row>
    <row r="57" spans="1:25" x14ac:dyDescent="0.15">
      <c r="A57" s="24"/>
      <c r="B57" s="24"/>
      <c r="C57" s="24"/>
      <c r="D57" s="24"/>
      <c r="E57" s="24"/>
      <c r="F57" s="24"/>
      <c r="G57" s="24"/>
      <c r="H57" s="24"/>
      <c r="I57" s="24"/>
      <c r="J57" s="24"/>
      <c r="K57" s="24"/>
      <c r="L57" s="24"/>
      <c r="M57" s="24"/>
      <c r="N57" s="24"/>
      <c r="O57" s="24"/>
      <c r="P57" s="24"/>
      <c r="Q57" s="24"/>
      <c r="R57" s="24"/>
      <c r="S57" s="24"/>
      <c r="T57" s="24"/>
      <c r="U57" s="24"/>
      <c r="V57" s="24"/>
      <c r="W57" s="24"/>
      <c r="X57" s="24"/>
      <c r="Y57" s="24"/>
    </row>
    <row r="58" spans="1:25" x14ac:dyDescent="0.15">
      <c r="A58" s="7"/>
      <c r="B58" s="7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7"/>
      <c r="R58" s="7"/>
      <c r="S58" s="7"/>
      <c r="T58" s="7"/>
      <c r="U58" s="7"/>
      <c r="V58" s="7"/>
      <c r="W58" s="7"/>
      <c r="X58" s="7"/>
      <c r="Y58" s="7"/>
    </row>
    <row r="59" spans="1:25" x14ac:dyDescent="0.15">
      <c r="A59" s="7"/>
      <c r="B59" s="7"/>
      <c r="C59" s="7"/>
      <c r="D59" s="7"/>
      <c r="E59" s="7"/>
      <c r="F59" s="7"/>
      <c r="G59" s="7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  <c r="T59" s="7"/>
      <c r="U59" s="7"/>
      <c r="V59" s="7"/>
      <c r="W59" s="7"/>
      <c r="X59" s="7"/>
      <c r="Y59" s="7"/>
    </row>
    <row r="60" spans="1:25" x14ac:dyDescent="0.15">
      <c r="A60" s="7"/>
      <c r="B60" s="7"/>
      <c r="C60" s="7"/>
      <c r="D60" s="7"/>
      <c r="E60" s="7"/>
      <c r="F60" s="7"/>
      <c r="G60" s="7"/>
      <c r="H60" s="7"/>
      <c r="I60" s="7"/>
      <c r="J60" s="7"/>
      <c r="K60" s="7"/>
      <c r="L60" s="7"/>
      <c r="M60" s="7"/>
      <c r="N60" s="7"/>
      <c r="O60" s="7"/>
      <c r="P60" s="7"/>
      <c r="Q60" s="7"/>
      <c r="R60" s="7"/>
      <c r="S60" s="7"/>
      <c r="T60" s="7"/>
      <c r="U60" s="7"/>
      <c r="V60" s="7"/>
      <c r="W60" s="7"/>
      <c r="X60" s="7"/>
      <c r="Y60" s="7"/>
    </row>
    <row r="61" spans="1:25" x14ac:dyDescent="0.15">
      <c r="A61" s="7"/>
      <c r="B61" s="7"/>
      <c r="C61" s="7"/>
      <c r="D61" s="7"/>
      <c r="E61" s="7"/>
      <c r="F61" s="7"/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S61" s="7"/>
      <c r="T61" s="7"/>
      <c r="U61" s="7"/>
      <c r="V61" s="7"/>
      <c r="W61" s="7"/>
      <c r="X61" s="7"/>
      <c r="Y61" s="7"/>
    </row>
    <row r="62" spans="1:25" x14ac:dyDescent="0.15">
      <c r="A62" s="7"/>
      <c r="B62" s="7"/>
      <c r="C62" s="7"/>
      <c r="D62" s="7"/>
      <c r="E62" s="7"/>
      <c r="F62" s="7"/>
      <c r="G62" s="7"/>
      <c r="H62" s="7"/>
      <c r="I62" s="7"/>
      <c r="J62" s="7"/>
      <c r="K62" s="7"/>
      <c r="L62" s="7"/>
      <c r="M62" s="7"/>
      <c r="N62" s="7"/>
      <c r="O62" s="7"/>
      <c r="P62" s="7"/>
      <c r="Q62" s="7"/>
      <c r="R62" s="7"/>
      <c r="S62" s="7"/>
      <c r="T62" s="7"/>
      <c r="U62" s="7"/>
      <c r="V62" s="7"/>
      <c r="W62" s="7"/>
      <c r="X62" s="7"/>
      <c r="Y62" s="7"/>
    </row>
    <row r="63" spans="1:25" x14ac:dyDescent="0.15">
      <c r="A63" s="7"/>
      <c r="B63" s="7"/>
      <c r="C63" s="7"/>
      <c r="D63" s="7"/>
      <c r="E63" s="7"/>
      <c r="F63" s="7"/>
      <c r="G63" s="7"/>
      <c r="H63" s="7"/>
      <c r="I63" s="7"/>
      <c r="J63" s="7"/>
      <c r="K63" s="7"/>
      <c r="L63" s="7"/>
      <c r="M63" s="7"/>
      <c r="N63" s="7"/>
      <c r="O63" s="7"/>
      <c r="P63" s="7"/>
      <c r="Q63" s="7"/>
      <c r="R63" s="7"/>
      <c r="S63" s="7"/>
      <c r="T63" s="7"/>
      <c r="U63" s="7"/>
      <c r="V63" s="7"/>
      <c r="W63" s="7"/>
      <c r="X63" s="7"/>
      <c r="Y63" s="7"/>
    </row>
    <row r="64" spans="1:25" x14ac:dyDescent="0.15">
      <c r="A64" s="7"/>
      <c r="B64" s="7"/>
      <c r="C64" s="7"/>
      <c r="D64" s="7"/>
      <c r="E64" s="7"/>
      <c r="F64" s="7"/>
      <c r="G64" s="7"/>
      <c r="H64" s="7"/>
      <c r="I64" s="7"/>
      <c r="J64" s="7"/>
      <c r="K64" s="7"/>
      <c r="L64" s="7"/>
      <c r="M64" s="7"/>
      <c r="N64" s="7"/>
      <c r="O64" s="7"/>
      <c r="P64" s="7"/>
      <c r="Q64" s="7"/>
      <c r="R64" s="7"/>
      <c r="S64" s="7"/>
      <c r="T64" s="7"/>
      <c r="U64" s="7"/>
      <c r="V64" s="7"/>
      <c r="W64" s="7"/>
      <c r="X64" s="7"/>
      <c r="Y64" s="7"/>
    </row>
    <row r="65" spans="1:25" x14ac:dyDescent="0.15">
      <c r="A65" s="7"/>
      <c r="B65" s="7"/>
      <c r="C65" s="7"/>
      <c r="D65" s="7"/>
      <c r="E65" s="7"/>
      <c r="F65" s="7"/>
      <c r="G65" s="7"/>
      <c r="H65" s="7"/>
      <c r="I65" s="7"/>
      <c r="J65" s="7"/>
      <c r="K65" s="7"/>
      <c r="L65" s="7"/>
      <c r="M65" s="7"/>
      <c r="N65" s="7"/>
      <c r="O65" s="7"/>
      <c r="P65" s="7"/>
      <c r="Q65" s="7"/>
      <c r="R65" s="7"/>
      <c r="S65" s="7"/>
      <c r="T65" s="7"/>
      <c r="U65" s="7"/>
      <c r="V65" s="7"/>
      <c r="W65" s="7"/>
      <c r="X65" s="7"/>
      <c r="Y65" s="7"/>
    </row>
    <row r="66" spans="1:25" x14ac:dyDescent="0.15">
      <c r="A66" s="7"/>
      <c r="B66" s="7"/>
      <c r="C66" s="7"/>
      <c r="D66" s="7"/>
      <c r="E66" s="7"/>
      <c r="F66" s="7"/>
      <c r="G66" s="7"/>
      <c r="H66" s="7"/>
      <c r="I66" s="7"/>
      <c r="J66" s="7"/>
      <c r="K66" s="7"/>
      <c r="L66" s="7"/>
      <c r="M66" s="7"/>
      <c r="N66" s="7"/>
      <c r="O66" s="7"/>
      <c r="P66" s="7"/>
      <c r="Q66" s="7"/>
      <c r="R66" s="7"/>
      <c r="S66" s="7"/>
      <c r="T66" s="7"/>
      <c r="U66" s="7"/>
      <c r="V66" s="7"/>
      <c r="W66" s="7"/>
      <c r="X66" s="7"/>
      <c r="Y66" s="7"/>
    </row>
    <row r="67" spans="1:25" x14ac:dyDescent="0.15">
      <c r="A67" s="7"/>
      <c r="B67" s="7"/>
      <c r="C67" s="7"/>
      <c r="D67" s="7"/>
      <c r="E67" s="7"/>
      <c r="F67" s="7"/>
      <c r="G67" s="7"/>
      <c r="H67" s="7"/>
      <c r="I67" s="7"/>
      <c r="J67" s="7"/>
      <c r="K67" s="7"/>
      <c r="L67" s="7"/>
      <c r="M67" s="7"/>
      <c r="N67" s="7"/>
      <c r="O67" s="7"/>
      <c r="P67" s="7"/>
      <c r="Q67" s="7"/>
      <c r="R67" s="7"/>
      <c r="S67" s="7"/>
      <c r="T67" s="7"/>
      <c r="U67" s="7"/>
      <c r="V67" s="7"/>
      <c r="W67" s="7"/>
      <c r="X67" s="7"/>
      <c r="Y67" s="7"/>
    </row>
    <row r="68" spans="1:25" x14ac:dyDescent="0.15">
      <c r="A68" s="7"/>
      <c r="B68" s="7"/>
      <c r="C68" s="7"/>
      <c r="D68" s="7"/>
      <c r="E68" s="7"/>
      <c r="F68" s="7"/>
      <c r="G68" s="7"/>
      <c r="H68" s="7"/>
      <c r="I68" s="7"/>
      <c r="J68" s="7"/>
      <c r="K68" s="7"/>
      <c r="L68" s="7"/>
      <c r="M68" s="7"/>
      <c r="N68" s="7"/>
      <c r="O68" s="7"/>
      <c r="P68" s="7"/>
      <c r="Q68" s="7"/>
      <c r="R68" s="7"/>
      <c r="S68" s="7"/>
      <c r="T68" s="7"/>
      <c r="U68" s="7"/>
      <c r="V68" s="7"/>
      <c r="W68" s="7"/>
      <c r="X68" s="7"/>
      <c r="Y68" s="7"/>
    </row>
    <row r="69" spans="1:25" x14ac:dyDescent="0.15">
      <c r="A69" s="7"/>
      <c r="B69" s="7"/>
      <c r="C69" s="7"/>
      <c r="D69" s="7"/>
      <c r="E69" s="7"/>
      <c r="F69" s="7"/>
      <c r="G69" s="7"/>
      <c r="H69" s="7"/>
      <c r="I69" s="7"/>
      <c r="J69" s="7"/>
      <c r="K69" s="7"/>
      <c r="L69" s="7"/>
      <c r="M69" s="7"/>
      <c r="N69" s="7"/>
      <c r="O69" s="7"/>
      <c r="P69" s="7"/>
      <c r="Q69" s="7"/>
      <c r="R69" s="7"/>
      <c r="S69" s="7"/>
      <c r="T69" s="7"/>
      <c r="U69" s="7"/>
      <c r="V69" s="7"/>
      <c r="W69" s="7"/>
      <c r="X69" s="7"/>
      <c r="Y69" s="7"/>
    </row>
    <row r="70" spans="1:25" x14ac:dyDescent="0.15">
      <c r="A70" s="7"/>
      <c r="B70" s="7"/>
      <c r="C70" s="7"/>
      <c r="D70" s="7"/>
      <c r="E70" s="7"/>
      <c r="F70" s="7"/>
      <c r="G70" s="7"/>
      <c r="H70" s="7"/>
      <c r="I70" s="7"/>
      <c r="J70" s="7"/>
      <c r="K70" s="7"/>
      <c r="L70" s="7"/>
      <c r="M70" s="7"/>
      <c r="N70" s="7"/>
      <c r="O70" s="7"/>
      <c r="P70" s="7"/>
      <c r="Q70" s="7"/>
      <c r="R70" s="7"/>
      <c r="S70" s="7"/>
      <c r="T70" s="7"/>
      <c r="U70" s="7"/>
      <c r="V70" s="7"/>
      <c r="W70" s="7"/>
      <c r="X70" s="7"/>
      <c r="Y70" s="7"/>
    </row>
    <row r="71" spans="1:25" x14ac:dyDescent="0.15">
      <c r="A71" s="7"/>
      <c r="B71" s="7"/>
      <c r="C71" s="7"/>
      <c r="D71" s="7"/>
      <c r="E71" s="7"/>
      <c r="F71" s="7"/>
      <c r="G71" s="7"/>
      <c r="H71" s="7"/>
      <c r="I71" s="7"/>
      <c r="J71" s="7"/>
      <c r="K71" s="7"/>
      <c r="L71" s="7"/>
      <c r="M71" s="7"/>
      <c r="N71" s="7"/>
      <c r="O71" s="7"/>
      <c r="P71" s="7"/>
      <c r="Q71" s="7"/>
      <c r="R71" s="7"/>
      <c r="S71" s="7"/>
      <c r="T71" s="7"/>
      <c r="U71" s="7"/>
      <c r="V71" s="7"/>
      <c r="W71" s="7"/>
      <c r="X71" s="7"/>
      <c r="Y71" s="7"/>
    </row>
    <row r="72" spans="1:25" x14ac:dyDescent="0.15">
      <c r="A72" s="7"/>
      <c r="B72" s="7"/>
      <c r="C72" s="7"/>
      <c r="D72" s="7"/>
      <c r="E72" s="7"/>
      <c r="F72" s="7"/>
      <c r="G72" s="7"/>
      <c r="H72" s="7"/>
      <c r="I72" s="7"/>
      <c r="J72" s="7"/>
      <c r="K72" s="7"/>
      <c r="L72" s="7"/>
      <c r="M72" s="7"/>
      <c r="N72" s="7"/>
      <c r="O72" s="7"/>
      <c r="P72" s="7"/>
      <c r="Q72" s="7"/>
      <c r="R72" s="7"/>
      <c r="S72" s="7"/>
      <c r="T72" s="7"/>
      <c r="U72" s="7"/>
      <c r="V72" s="7"/>
      <c r="W72" s="7"/>
      <c r="X72" s="7"/>
      <c r="Y72" s="7"/>
    </row>
    <row r="73" spans="1:25" x14ac:dyDescent="0.15">
      <c r="A73" s="7"/>
      <c r="B73" s="7"/>
      <c r="C73" s="7"/>
      <c r="D73" s="7"/>
      <c r="E73" s="7"/>
      <c r="F73" s="7"/>
      <c r="G73" s="7"/>
      <c r="H73" s="7"/>
      <c r="I73" s="7"/>
      <c r="J73" s="7"/>
      <c r="K73" s="7"/>
      <c r="L73" s="7"/>
      <c r="M73" s="7"/>
      <c r="N73" s="7"/>
      <c r="O73" s="7"/>
      <c r="P73" s="7"/>
      <c r="Q73" s="7"/>
      <c r="R73" s="7"/>
      <c r="S73" s="7"/>
      <c r="T73" s="7"/>
      <c r="U73" s="7"/>
      <c r="V73" s="7"/>
      <c r="W73" s="7"/>
      <c r="X73" s="7"/>
      <c r="Y73" s="7"/>
    </row>
    <row r="74" spans="1:25" x14ac:dyDescent="0.15">
      <c r="A74" s="7"/>
      <c r="B74" s="7"/>
      <c r="C74" s="7"/>
      <c r="D74" s="7"/>
      <c r="E74" s="7"/>
      <c r="F74" s="7"/>
      <c r="G74" s="7"/>
      <c r="H74" s="7"/>
      <c r="I74" s="7"/>
      <c r="J74" s="7"/>
      <c r="K74" s="7"/>
      <c r="L74" s="7"/>
      <c r="M74" s="7"/>
      <c r="N74" s="7"/>
      <c r="O74" s="7"/>
      <c r="P74" s="7"/>
      <c r="Q74" s="7"/>
      <c r="R74" s="7"/>
      <c r="S74" s="7"/>
      <c r="T74" s="7"/>
      <c r="U74" s="7"/>
      <c r="V74" s="7"/>
      <c r="W74" s="7"/>
      <c r="X74" s="7"/>
      <c r="Y74" s="7"/>
    </row>
    <row r="75" spans="1:25" x14ac:dyDescent="0.15">
      <c r="A75" s="7"/>
      <c r="B75" s="7"/>
      <c r="C75" s="7"/>
      <c r="D75" s="7"/>
      <c r="E75" s="7"/>
      <c r="F75" s="7"/>
      <c r="G75" s="7"/>
      <c r="H75" s="7"/>
      <c r="I75" s="7"/>
      <c r="J75" s="7"/>
      <c r="K75" s="7"/>
      <c r="L75" s="7"/>
      <c r="M75" s="7"/>
      <c r="N75" s="7"/>
      <c r="O75" s="7"/>
      <c r="P75" s="7"/>
      <c r="Q75" s="7"/>
      <c r="R75" s="7"/>
      <c r="S75" s="7"/>
      <c r="T75" s="7"/>
      <c r="U75" s="7"/>
      <c r="V75" s="7"/>
      <c r="W75" s="7"/>
      <c r="X75" s="7"/>
      <c r="Y75" s="7"/>
    </row>
    <row r="76" spans="1:25" x14ac:dyDescent="0.15">
      <c r="A76" s="7"/>
      <c r="B76" s="7"/>
      <c r="C76" s="7"/>
      <c r="D76" s="7"/>
      <c r="E76" s="7"/>
      <c r="F76" s="7"/>
      <c r="G76" s="7"/>
      <c r="H76" s="7"/>
      <c r="I76" s="7"/>
      <c r="J76" s="7"/>
      <c r="K76" s="7"/>
      <c r="L76" s="7"/>
      <c r="M76" s="7"/>
      <c r="N76" s="7"/>
      <c r="O76" s="7"/>
      <c r="P76" s="7"/>
      <c r="Q76" s="7"/>
      <c r="R76" s="7"/>
      <c r="S76" s="7"/>
      <c r="T76" s="7"/>
      <c r="U76" s="7"/>
      <c r="V76" s="7"/>
      <c r="W76" s="7"/>
      <c r="X76" s="7"/>
      <c r="Y76" s="7"/>
    </row>
    <row r="77" spans="1:25" x14ac:dyDescent="0.15">
      <c r="A77" s="7"/>
      <c r="B77" s="7"/>
      <c r="C77" s="7"/>
      <c r="D77" s="7"/>
      <c r="E77" s="7"/>
      <c r="F77" s="7"/>
      <c r="G77" s="7"/>
      <c r="H77" s="7"/>
      <c r="I77" s="7"/>
      <c r="J77" s="7"/>
      <c r="K77" s="7"/>
      <c r="L77" s="7"/>
      <c r="M77" s="7"/>
      <c r="N77" s="7"/>
      <c r="O77" s="7"/>
      <c r="P77" s="7"/>
      <c r="Q77" s="7"/>
      <c r="R77" s="7"/>
      <c r="S77" s="7"/>
      <c r="T77" s="7"/>
      <c r="U77" s="7"/>
      <c r="V77" s="7"/>
      <c r="W77" s="7"/>
      <c r="X77" s="7"/>
      <c r="Y77" s="7"/>
    </row>
    <row r="78" spans="1:25" x14ac:dyDescent="0.15">
      <c r="A78" s="7"/>
      <c r="B78" s="7"/>
      <c r="C78" s="7"/>
      <c r="D78" s="7"/>
      <c r="E78" s="7"/>
      <c r="F78" s="7"/>
      <c r="G78" s="7"/>
      <c r="H78" s="7"/>
      <c r="I78" s="7"/>
      <c r="J78" s="7"/>
      <c r="K78" s="7"/>
      <c r="L78" s="7"/>
      <c r="M78" s="7"/>
      <c r="N78" s="7"/>
      <c r="O78" s="7"/>
      <c r="P78" s="7"/>
      <c r="Q78" s="7"/>
      <c r="R78" s="7"/>
      <c r="S78" s="7"/>
      <c r="T78" s="7"/>
      <c r="U78" s="7"/>
      <c r="V78" s="7"/>
      <c r="W78" s="7"/>
      <c r="X78" s="7"/>
      <c r="Y78" s="7"/>
    </row>
  </sheetData>
  <phoneticPr fontId="10"/>
  <pageMargins left="0.31496062992125984" right="0.31496062992125984" top="0.62" bottom="0.41" header="0.31496062992125984" footer="0.25"/>
  <pageSetup paperSize="9" orientation="landscape" horizontalDpi="300" verticalDpi="300" r:id="rId1"/>
  <headerFooter>
    <oddHeader>&amp;C&amp;"HGS教科書体,ﾒﾃﾞｨｳﾑ"&amp;16令和2年度印西漢字マスター　１・２級　　練習問題　　　学校　　年　　組　名前[　　　　　　　　]</oddHeader>
    <oddFooter xml:space="preserve">&amp;C&amp;P / &amp;N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読み</vt:lpstr>
      <vt:lpstr>書き</vt:lpstr>
      <vt:lpstr>書き・読みセット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umu</dc:creator>
  <cp:lastModifiedBy>印西市教育委員会</cp:lastModifiedBy>
  <cp:lastPrinted>2018-08-27T04:05:14Z</cp:lastPrinted>
  <dcterms:created xsi:type="dcterms:W3CDTF">2014-08-05T00:10:06Z</dcterms:created>
  <dcterms:modified xsi:type="dcterms:W3CDTF">2020-06-12T04:01:14Z</dcterms:modified>
</cp:coreProperties>
</file>